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comments/modernComment_101_BB007A44.xml" ContentType="application/vnd.ms-powerpoint.comments+xml"/>
  <Override PartName="/ppt/authors.xml" ContentType="application/vnd.ms-powerpoint.authors+xml"/>
  <Override PartName="/ppt/revisionInfo.xml" ContentType="application/vnd.ms-powerpoint.revisioninfo+xml"/>
  <Override PartName="/ppt/changesInfos/changesInfo1.xml" ContentType="application/vnd.ms-powerpoint.changes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8"/>
  </p:sldMasterIdLst>
  <p:notesMasterIdLst>
    <p:notesMasterId r:id="rId10"/>
  </p:notesMasterIdLst>
  <p:sldIdLst>
    <p:sldId id="257" r:id="rId9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8FDDA136-1146-345D-8618-3B1E6120E46F}" name="Rencz Fanni" initials="FR" userId="S::fanni.rencz@uni-corvinus.hu::9a0912b8-d609-43bc-b84d-8499ff74b546" providerId="AD"/>
  <p188:author id="{DC8F79E6-1827-A515-EF0A-F5FA9683201E}" name="Juanita Haagsma" initials="JH" userId="S::j.haagsma@erasmusmc.nl::026656d8-cae3-403c-9335-7b2b196842f5" providerId="AD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. Pol" initials="NP" lastIdx="5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C207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0A73F88-0A1D-6174-616A-E914DDFC2DB5}" v="1" dt="2024-02-13T06:41:10.12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ijl, gemiddeld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09" d="100"/>
          <a:sy n="109" d="100"/>
        </p:scale>
        <p:origin x="636" y="9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viewProps" Target="viewProps.xml"/><Relationship Id="rId18" Type="http://schemas.microsoft.com/office/2018/10/relationships/authors" Target="author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presProps" Target="presProps.xml"/><Relationship Id="rId17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ommentAuthors" Target="commentAuthors.xml"/><Relationship Id="rId5" Type="http://schemas.openxmlformats.org/officeDocument/2006/relationships/customXml" Target="../customXml/item5.xml"/><Relationship Id="rId15" Type="http://schemas.openxmlformats.org/officeDocument/2006/relationships/tableStyles" Target="tableStyles.xml"/><Relationship Id="rId10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Juanita Haagsma" userId="S::j.haagsma@erasmusmc.nl::026656d8-cae3-403c-9335-7b2b196842f5" providerId="AD" clId="Web-{FA2EBF14-E9FA-4C73-9D6B-8FC247A8032E}"/>
    <pc:docChg chg="mod">
      <pc:chgData name="Juanita Haagsma" userId="S::j.haagsma@erasmusmc.nl::026656d8-cae3-403c-9335-7b2b196842f5" providerId="AD" clId="Web-{FA2EBF14-E9FA-4C73-9D6B-8FC247A8032E}" dt="2024-02-09T14:11:09.357" v="12"/>
      <pc:docMkLst>
        <pc:docMk/>
      </pc:docMkLst>
      <pc:sldChg chg="modCm">
        <pc:chgData name="Juanita Haagsma" userId="S::j.haagsma@erasmusmc.nl::026656d8-cae3-403c-9335-7b2b196842f5" providerId="AD" clId="Web-{FA2EBF14-E9FA-4C73-9D6B-8FC247A8032E}" dt="2024-02-09T14:11:09.357" v="12"/>
        <pc:sldMkLst>
          <pc:docMk/>
          <pc:sldMk cId="3137370692" sldId="257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09:19.458" v="8"/>
              <pc2:cmMkLst xmlns:pc2="http://schemas.microsoft.com/office/powerpoint/2019/9/main/command">
                <pc:docMk/>
                <pc:sldMk cId="3137370692" sldId="257"/>
                <pc2:cmMk id="{27BB5F08-4D75-4C47-807C-2C977E0AE8A8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09:19.458" v="8"/>
                <pc2:cmRplyMkLst xmlns:pc2="http://schemas.microsoft.com/office/powerpoint/2019/9/main/command">
                  <pc:docMk/>
                  <pc:sldMk cId="3137370692" sldId="257"/>
                  <pc2:cmMk id="{27BB5F08-4D75-4C47-807C-2C977E0AE8A8}"/>
                  <pc2:cmRplyMk id="{C0063530-7B75-4308-901D-7A7ECDFEA16F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09:09.130" v="7"/>
              <pc2:cmMkLst xmlns:pc2="http://schemas.microsoft.com/office/powerpoint/2019/9/main/command">
                <pc:docMk/>
                <pc:sldMk cId="3137370692" sldId="257"/>
                <pc2:cmMk id="{5A3F833A-EFEC-0844-A33F-844CC4F7E81C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09:09.130" v="7"/>
                <pc2:cmRplyMkLst xmlns:pc2="http://schemas.microsoft.com/office/powerpoint/2019/9/main/command">
                  <pc:docMk/>
                  <pc:sldMk cId="3137370692" sldId="257"/>
                  <pc2:cmMk id="{5A3F833A-EFEC-0844-A33F-844CC4F7E81C}"/>
                  <pc2:cmRplyMk id="{3FF01995-0C78-4F33-99B4-D5D100A27A14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07:07.923" v="2"/>
              <pc2:cmMkLst xmlns:pc2="http://schemas.microsoft.com/office/powerpoint/2019/9/main/command">
                <pc:docMk/>
                <pc:sldMk cId="3137370692" sldId="257"/>
                <pc2:cmMk id="{079CC550-CFCF-8444-BC99-CDF7B1968EB7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07:07.923" v="2"/>
                <pc2:cmRplyMkLst xmlns:pc2="http://schemas.microsoft.com/office/powerpoint/2019/9/main/command">
                  <pc:docMk/>
                  <pc:sldMk cId="3137370692" sldId="257"/>
                  <pc2:cmMk id="{079CC550-CFCF-8444-BC99-CDF7B1968EB7}"/>
                  <pc2:cmRplyMk id="{7144BBBC-F723-4553-83D0-FDEA5B2CED22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08:47.035" v="5"/>
              <pc2:cmMkLst xmlns:pc2="http://schemas.microsoft.com/office/powerpoint/2019/9/main/command">
                <pc:docMk/>
                <pc:sldMk cId="3137370692" sldId="257"/>
                <pc2:cmMk id="{74D1DA56-4583-9547-B0F3-D940106F23C7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08:47.035" v="5"/>
                <pc2:cmRplyMkLst xmlns:pc2="http://schemas.microsoft.com/office/powerpoint/2019/9/main/command">
                  <pc:docMk/>
                  <pc:sldMk cId="3137370692" sldId="257"/>
                  <pc2:cmMk id="{74D1DA56-4583-9547-B0F3-D940106F23C7}"/>
                  <pc2:cmRplyMk id="{4AD19436-CD8B-4FAE-BA44-1EF7D092C4E8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11:09.357" v="12"/>
              <pc2:cmMkLst xmlns:pc2="http://schemas.microsoft.com/office/powerpoint/2019/9/main/command">
                <pc:docMk/>
                <pc:sldMk cId="3137370692" sldId="257"/>
                <pc2:cmMk id="{BAC81067-0C47-154B-B42D-23BEB1F0EC09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11:09.357" v="12"/>
                <pc2:cmRplyMkLst xmlns:pc2="http://schemas.microsoft.com/office/powerpoint/2019/9/main/command">
                  <pc:docMk/>
                  <pc:sldMk cId="3137370692" sldId="257"/>
                  <pc2:cmMk id="{BAC81067-0C47-154B-B42D-23BEB1F0EC09}"/>
                  <pc2:cmRplyMk id="{812647FD-E627-4054-94BE-C0953ED18094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10:37.388" v="11"/>
              <pc2:cmMkLst xmlns:pc2="http://schemas.microsoft.com/office/powerpoint/2019/9/main/command">
                <pc:docMk/>
                <pc:sldMk cId="3137370692" sldId="257"/>
                <pc2:cmMk id="{6C879483-362C-D24E-A438-D41B33719AD8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10:37.388" v="11"/>
                <pc2:cmRplyMkLst xmlns:pc2="http://schemas.microsoft.com/office/powerpoint/2019/9/main/command">
                  <pc:docMk/>
                  <pc:sldMk cId="3137370692" sldId="257"/>
                  <pc2:cmMk id="{6C879483-362C-D24E-A438-D41B33719AD8}"/>
                  <pc2:cmRplyMk id="{FA164925-51D3-44C7-874B-5EDD87169DD8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07:00.344" v="1"/>
              <pc2:cmMkLst xmlns:pc2="http://schemas.microsoft.com/office/powerpoint/2019/9/main/command">
                <pc:docMk/>
                <pc:sldMk cId="3137370692" sldId="257"/>
                <pc2:cmMk id="{59559D90-9A7C-1342-B062-EEE06E85F93E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07:00.344" v="1"/>
                <pc2:cmRplyMkLst xmlns:pc2="http://schemas.microsoft.com/office/powerpoint/2019/9/main/command">
                  <pc:docMk/>
                  <pc:sldMk cId="3137370692" sldId="257"/>
                  <pc2:cmMk id="{59559D90-9A7C-1342-B062-EEE06E85F93E}"/>
                  <pc2:cmRplyMk id="{31E14F8B-C4DA-42A4-B263-2F077F92B4F1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07:24.720" v="3"/>
              <pc2:cmMkLst xmlns:pc2="http://schemas.microsoft.com/office/powerpoint/2019/9/main/command">
                <pc:docMk/>
                <pc:sldMk cId="3137370692" sldId="257"/>
                <pc2:cmMk id="{CD8BB590-77E9-8F42-B0CD-B73FC6235F3F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07:24.720" v="3"/>
                <pc2:cmRplyMkLst xmlns:pc2="http://schemas.microsoft.com/office/powerpoint/2019/9/main/command">
                  <pc:docMk/>
                  <pc:sldMk cId="3137370692" sldId="257"/>
                  <pc2:cmMk id="{CD8BB590-77E9-8F42-B0CD-B73FC6235F3F}"/>
                  <pc2:cmRplyMk id="{7BA621D5-EBEE-452E-B61D-8CAF792C2841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10:28.184" v="10"/>
              <pc2:cmMkLst xmlns:pc2="http://schemas.microsoft.com/office/powerpoint/2019/9/main/command">
                <pc:docMk/>
                <pc:sldMk cId="3137370692" sldId="257"/>
                <pc2:cmMk id="{488C2792-AB11-5147-9CB2-2D25C548651D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10:28.184" v="10"/>
                <pc2:cmRplyMkLst xmlns:pc2="http://schemas.microsoft.com/office/powerpoint/2019/9/main/command">
                  <pc:docMk/>
                  <pc:sldMk cId="3137370692" sldId="257"/>
                  <pc2:cmMk id="{488C2792-AB11-5147-9CB2-2D25C548651D}"/>
                  <pc2:cmRplyMk id="{3B2BF7E7-9D83-4A75-B234-627FD6852EDC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08:54.192" v="6"/>
              <pc2:cmMkLst xmlns:pc2="http://schemas.microsoft.com/office/powerpoint/2019/9/main/command">
                <pc:docMk/>
                <pc:sldMk cId="3137370692" sldId="257"/>
                <pc2:cmMk id="{8A70EADC-9930-9949-8AA3-ED9FCAB4B57F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08:54.192" v="6"/>
                <pc2:cmRplyMkLst xmlns:pc2="http://schemas.microsoft.com/office/powerpoint/2019/9/main/command">
                  <pc:docMk/>
                  <pc:sldMk cId="3137370692" sldId="257"/>
                  <pc2:cmMk id="{8A70EADC-9930-9949-8AA3-ED9FCAB4B57F}"/>
                  <pc2:cmRplyMk id="{2853FA3E-B125-4928-9627-FAF0A0CEAAF3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10:16.929" v="9"/>
              <pc2:cmMkLst xmlns:pc2="http://schemas.microsoft.com/office/powerpoint/2019/9/main/command">
                <pc:docMk/>
                <pc:sldMk cId="3137370692" sldId="257"/>
                <pc2:cmMk id="{B7A37AE0-EC1D-C64A-B9AA-D79D2E68BE38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10:16.929" v="9"/>
                <pc2:cmRplyMkLst xmlns:pc2="http://schemas.microsoft.com/office/powerpoint/2019/9/main/command">
                  <pc:docMk/>
                  <pc:sldMk cId="3137370692" sldId="257"/>
                  <pc2:cmMk id="{B7A37AE0-EC1D-C64A-B9AA-D79D2E68BE38}"/>
                  <pc2:cmRplyMk id="{2986504C-4276-4096-A803-374002117F79}"/>
                </pc2:cmRplyMkLst>
              </pc226:cmRplyChg>
            </pc226:cmChg>
            <pc226:cmChg xmlns:pc226="http://schemas.microsoft.com/office/powerpoint/2022/06/main/command" chg="">
              <pc226:chgData name="Juanita Haagsma" userId="S::j.haagsma@erasmusmc.nl::026656d8-cae3-403c-9335-7b2b196842f5" providerId="AD" clId="Web-{FA2EBF14-E9FA-4C73-9D6B-8FC247A8032E}" dt="2024-02-09T14:07:46.393" v="4"/>
              <pc2:cmMkLst xmlns:pc2="http://schemas.microsoft.com/office/powerpoint/2019/9/main/command">
                <pc:docMk/>
                <pc:sldMk cId="3137370692" sldId="257"/>
                <pc2:cmMk id="{83183DE9-E89E-A440-97E6-ACA11FDEEB81}"/>
              </pc2:cmMkLst>
              <pc226:cmRplyChg chg="add">
                <pc226:chgData name="Juanita Haagsma" userId="S::j.haagsma@erasmusmc.nl::026656d8-cae3-403c-9335-7b2b196842f5" providerId="AD" clId="Web-{FA2EBF14-E9FA-4C73-9D6B-8FC247A8032E}" dt="2024-02-09T14:07:46.393" v="4"/>
                <pc2:cmRplyMkLst xmlns:pc2="http://schemas.microsoft.com/office/powerpoint/2019/9/main/command">
                  <pc:docMk/>
                  <pc:sldMk cId="3137370692" sldId="257"/>
                  <pc2:cmMk id="{83183DE9-E89E-A440-97E6-ACA11FDEEB81}"/>
                  <pc2:cmRplyMk id="{36D19F2C-B8BD-483C-B9B0-A10DE4292C5C}"/>
                </pc2:cmRplyMkLst>
              </pc226:cmRplyChg>
            </pc226:cmChg>
          </p:ext>
        </pc:extLst>
      </pc:sldChg>
    </pc:docChg>
  </pc:docChgLst>
  <pc:docChgLst>
    <pc:chgData name="Juanita Haagsma" userId="S::j.haagsma@erasmusmc.nl::026656d8-cae3-403c-9335-7b2b196842f5" providerId="AD" clId="Web-{80A73F88-0A1D-6174-616A-E914DDFC2DB5}"/>
    <pc:docChg chg="">
      <pc:chgData name="Juanita Haagsma" userId="S::j.haagsma@erasmusmc.nl::026656d8-cae3-403c-9335-7b2b196842f5" providerId="AD" clId="Web-{80A73F88-0A1D-6174-616A-E914DDFC2DB5}" dt="2024-02-13T06:41:10.120" v="0"/>
      <pc:docMkLst>
        <pc:docMk/>
      </pc:docMkLst>
      <pc:sldChg chg="modCm">
        <pc:chgData name="Juanita Haagsma" userId="S::j.haagsma@erasmusmc.nl::026656d8-cae3-403c-9335-7b2b196842f5" providerId="AD" clId="Web-{80A73F88-0A1D-6174-616A-E914DDFC2DB5}" dt="2024-02-13T06:41:10.120" v="0"/>
        <pc:sldMkLst>
          <pc:docMk/>
          <pc:sldMk cId="3137370692" sldId="257"/>
        </pc:sldMkLst>
        <pc:extLst>
          <p:ext xmlns:p="http://schemas.openxmlformats.org/presentationml/2006/main" uri="{D6D511B9-2390-475A-947B-AFAB55BFBCF1}">
            <pc226:cmChg xmlns:pc226="http://schemas.microsoft.com/office/powerpoint/2022/06/main/command" chg="">
              <pc226:chgData name="Juanita Haagsma" userId="S::j.haagsma@erasmusmc.nl::026656d8-cae3-403c-9335-7b2b196842f5" providerId="AD" clId="Web-{80A73F88-0A1D-6174-616A-E914DDFC2DB5}" dt="2024-02-13T06:41:10.120" v="0"/>
              <pc2:cmMkLst xmlns:pc2="http://schemas.microsoft.com/office/powerpoint/2019/9/main/command">
                <pc:docMk/>
                <pc:sldMk cId="3137370692" sldId="257"/>
                <pc2:cmMk id="{BAC81067-0C47-154B-B42D-23BEB1F0EC09}"/>
              </pc2:cmMkLst>
              <pc226:cmRplyChg chg="add">
                <pc226:chgData name="Juanita Haagsma" userId="S::j.haagsma@erasmusmc.nl::026656d8-cae3-403c-9335-7b2b196842f5" providerId="AD" clId="Web-{80A73F88-0A1D-6174-616A-E914DDFC2DB5}" dt="2024-02-13T06:41:10.120" v="0"/>
                <pc2:cmRplyMkLst xmlns:pc2="http://schemas.microsoft.com/office/powerpoint/2019/9/main/command">
                  <pc:docMk/>
                  <pc:sldMk cId="3137370692" sldId="257"/>
                  <pc2:cmMk id="{BAC81067-0C47-154B-B42D-23BEB1F0EC09}"/>
                  <pc2:cmRplyMk id="{DE35FD2F-D579-40F0-8A52-1FCCDF93F471}"/>
                </pc2:cmRplyMkLst>
              </pc226:cmRplyChg>
            </pc226:cmChg>
          </p:ext>
        </pc:extLst>
      </pc:sldChg>
    </pc:docChg>
  </pc:docChgLst>
</pc:chgInfo>
</file>

<file path=ppt/comments/modernComment_101_BB007A44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59559D90-9A7C-1342-B062-EEE06E85F93E}" authorId="{8FDDA136-1146-345D-8618-3B1E6120E46F}" created="2024-02-08T19:09:35.806">
    <pc:sldMkLst xmlns:pc="http://schemas.microsoft.com/office/powerpoint/2013/main/command">
      <pc:docMk/>
      <pc:sldMk cId="3137370692" sldId="257"/>
    </pc:sldMkLst>
    <p188:replyLst>
      <p188:reply id="{31E14F8B-C4DA-42A4-B263-2F077F92B4F1}" authorId="{DC8F79E6-1827-A515-EF0A-F5FA9683201E}" created="2024-02-09T14:07:00.344">
        <p188:txBody>
          <a:bodyPr/>
          <a:lstStyle/>
          <a:p>
            <a:r>
              <a:rPr lang="en-US"/>
              <a:t>Yes, will try to fix this. I think the table in PPT is rather ugly and dark, hence the choice to include a table from word. </a:t>
            </a:r>
          </a:p>
        </p188:txBody>
      </p188:reply>
    </p188:replyLst>
    <p188:txBody>
      <a:bodyPr/>
      <a:lstStyle/>
      <a:p>
        <a:r>
          <a:rPr lang="en-US"/>
          <a:t>The figure is a bit pixelated, would it be possible to include it as a table or a higher resolution version?</a:t>
        </a:r>
      </a:p>
    </p188:txBody>
  </p188:cm>
  <p188:cm id="{5A3F833A-EFEC-0844-A33F-844CC4F7E81C}" authorId="{8FDDA136-1146-345D-8618-3B1E6120E46F}" created="2024-02-08T19:10:19.041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picMk id="2" creationId="{00000000-0000-0000-0000-000000000000}"/>
    </ac:deMkLst>
    <p188:replyLst>
      <p188:reply id="{3FF01995-0C78-4F33-99B4-D5D100A27A14}" authorId="{DC8F79E6-1827-A515-EF0A-F5FA9683201E}" created="2024-02-09T14:09:09.130">
        <p188:txBody>
          <a:bodyPr/>
          <a:lstStyle/>
          <a:p>
            <a:r>
              <a:rPr lang="en-US"/>
              <a:t>Yes, very surprising. I have checked this several times. </a:t>
            </a:r>
          </a:p>
        </p188:txBody>
      </p188:reply>
    </p188:replyLst>
    <p188:txBody>
      <a:bodyPr/>
      <a:lstStyle/>
      <a:p>
        <a:r>
          <a:rPr lang="en-US"/>
          <a:t>The cognition bolt-on loads on the “social functioning” factor?? I would expect this to the same factor as the HWB-S concentration/remembering item.</a:t>
        </a:r>
      </a:p>
    </p188:txBody>
  </p188:cm>
  <p188:cm id="{27BB5F08-4D75-4C47-807C-2C977E0AE8A8}" authorId="{8FDDA136-1146-345D-8618-3B1E6120E46F}" created="2024-02-08T19:12:18.755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picMk id="2" creationId="{00000000-0000-0000-0000-000000000000}"/>
    </ac:deMkLst>
    <p188:replyLst>
      <p188:reply id="{C0063530-7B75-4308-901D-7A7ECDFEA16F}" authorId="{DC8F79E6-1827-A515-EF0A-F5FA9683201E}" created="2024-02-09T14:09:19.458">
        <p188:txBody>
          <a:bodyPr/>
          <a:lstStyle/>
          <a:p>
            <a:r>
              <a:rPr lang="en-US"/>
              <a:t>Changed this!</a:t>
            </a:r>
          </a:p>
        </p188:txBody>
      </p188:reply>
    </p188:replyLst>
    <p188:txBody>
      <a:bodyPr/>
      <a:lstStyle/>
      <a:p>
        <a:r>
          <a:rPr lang="en-US"/>
          <a:t>The list of bolt-ons is somewhat different from what we described in the abstract. For example, in the abstract, there is a coughing bolt-on</a:t>
        </a:r>
      </a:p>
    </p188:txBody>
  </p188:cm>
  <p188:cm id="{B7A37AE0-EC1D-C64A-B9AA-D79D2E68BE38}" authorId="{8FDDA136-1146-345D-8618-3B1E6120E46F}" created="2024-02-08T19:16:39.164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picMk id="2" creationId="{00000000-0000-0000-0000-000000000000}"/>
    </ac:deMkLst>
    <p188:replyLst>
      <p188:reply id="{2986504C-4276-4096-A803-374002117F79}" authorId="{DC8F79E6-1827-A515-EF0A-F5FA9683201E}" created="2024-02-09T14:10:16.929">
        <p188:txBody>
          <a:bodyPr/>
          <a:lstStyle/>
          <a:p>
            <a:r>
              <a:rPr lang="en-US"/>
              <a:t>Understand this and good suggestion. However, it kept this the same to keep aligned with the theorethical framework of Finch and Mulhern. </a:t>
            </a:r>
          </a:p>
        </p188:txBody>
      </p188:reply>
    </p188:replyLst>
    <p188:txBody>
      <a:bodyPr/>
      <a:lstStyle/>
      <a:p>
        <a:r>
          <a:rPr lang="en-US"/>
          <a:t>It may be challenging to see the distinction between the ‘psychological functioning’ and ‘other psychological symptoms’ factors. Perhaps we can label the former differently? Given that 3 HWB-S items loaded on a same factor as WHO-5, it may be a wellbeing related factor? Or the “other psychological symptoms’ may be in fact a ‘sad/depressed’ factor? (Not sure which HWB-S item loaded on this one)</a:t>
        </a:r>
      </a:p>
    </p188:txBody>
  </p188:cm>
  <p188:cm id="{CD8BB590-77E9-8F42-B0CD-B73FC6235F3F}" authorId="{8FDDA136-1146-345D-8618-3B1E6120E46F}" created="2024-02-08T19:17:48.357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spMk id="11" creationId="{00000000-0000-0000-0000-000000000000}"/>
    </ac:deMkLst>
    <p188:replyLst>
      <p188:reply id="{7BA621D5-EBEE-452E-B61D-8CAF792C2841}" authorId="{DC8F79E6-1827-A515-EF0A-F5FA9683201E}" created="2024-02-09T14:07:24.720">
        <p188:txBody>
          <a:bodyPr/>
          <a:lstStyle/>
          <a:p>
            <a:r>
              <a:rPr lang="en-US"/>
              <a:t>Great suggestion. Included this. </a:t>
            </a:r>
          </a:p>
        </p188:txBody>
      </p188:reply>
    </p188:replyLst>
    <p188:txBody>
      <a:bodyPr/>
      <a:lstStyle/>
      <a:p>
        <a:r>
          <a:rPr lang="en-US"/>
          <a:t>Suggest adding a note below the table where we list which EQ-5D-5L and EQ-HWB-S items loaded on which factor. I know it’s obvious for the EQ-5D, but the other is a new measure, so it would help the others to understand the results.</a:t>
        </a:r>
      </a:p>
    </p188:txBody>
  </p188:cm>
  <p188:cm id="{488C2792-AB11-5147-9CB2-2D25C548651D}" authorId="{8FDDA136-1146-345D-8618-3B1E6120E46F}" created="2024-02-08T19:20:39.313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picMk id="2" creationId="{00000000-0000-0000-0000-000000000000}"/>
    </ac:deMkLst>
    <p188:replyLst>
      <p188:reply id="{3B2BF7E7-9D83-4A75-B234-627FD6852EDC}" authorId="{DC8F79E6-1827-A515-EF0A-F5FA9683201E}" created="2024-02-09T14:10:28.184">
        <p188:txBody>
          <a:bodyPr/>
          <a:lstStyle/>
          <a:p>
            <a:r>
              <a:rPr lang="en-US"/>
              <a:t>Yes, also surprising....</a:t>
            </a:r>
          </a:p>
        </p188:txBody>
      </p188:reply>
    </p188:replyLst>
    <p188:txBody>
      <a:bodyPr/>
      <a:lstStyle/>
      <a:p>
        <a:r>
          <a:rPr lang="en-US"/>
          <a:t>It’s interesting that the HWB-S exhausting item didn’t load on the energy factor.</a:t>
        </a:r>
      </a:p>
    </p188:txBody>
  </p188:cm>
  <p188:cm id="{6C879483-362C-D24E-A438-D41B33719AD8}" authorId="{8FDDA136-1146-345D-8618-3B1E6120E46F}" created="2024-02-08T19:20:55.671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picMk id="2" creationId="{00000000-0000-0000-0000-000000000000}"/>
    </ac:deMkLst>
    <p188:replyLst>
      <p188:reply id="{FA164925-51D3-44C7-874B-5EDD87169DD8}" authorId="{DC8F79E6-1827-A515-EF0A-F5FA9683201E}" created="2024-02-09T14:10:37.388">
        <p188:txBody>
          <a:bodyPr/>
          <a:lstStyle/>
          <a:p>
            <a:r>
              <a:rPr lang="en-US"/>
              <a:t>No, did not allow this. </a:t>
            </a:r>
          </a:p>
        </p188:txBody>
      </p188:reply>
    </p188:replyLst>
    <p188:txBody>
      <a:bodyPr/>
      <a:lstStyle/>
      <a:p>
        <a:r>
          <a:rPr lang="en-US"/>
          <a:t>Did we allow an item to load on multiple factors?</a:t>
        </a:r>
      </a:p>
    </p188:txBody>
  </p188:cm>
  <p188:cm id="{BAC81067-0C47-154B-B42D-23BEB1F0EC09}" authorId="{8FDDA136-1146-345D-8618-3B1E6120E46F}" created="2024-02-08T19:22:32.326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picMk id="2" creationId="{00000000-0000-0000-0000-000000000000}"/>
    </ac:deMkLst>
    <p188:replyLst>
      <p188:reply id="{812647FD-E627-4054-94BE-C0953ED18094}" authorId="{DC8F79E6-1827-A515-EF0A-F5FA9683201E}" created="2024-02-09T14:11:09.357">
        <p188:txBody>
          <a:bodyPr/>
          <a:lstStyle/>
          <a:p>
            <a:r>
              <a:rPr lang="en-US"/>
              <a:t>Hmmm, will think a bit on this</a:t>
            </a:r>
          </a:p>
        </p188:txBody>
      </p188:reply>
      <p188:reply id="{DE35FD2F-D579-40F0-8A52-1FCCDF93F471}" authorId="{DC8F79E6-1827-A515-EF0A-F5FA9683201E}" created="2024-02-13T06:41:10.120">
        <p188:txBody>
          <a:bodyPr/>
          <a:lstStyle/>
          <a:p>
            <a:r>
              <a:rPr lang="en-US"/>
              <a:t>Ok, changed this. </a:t>
            </a:r>
          </a:p>
        </p188:txBody>
      </p188:reply>
    </p188:replyLst>
    <p188:txBody>
      <a:bodyPr/>
      <a:lstStyle/>
      <a:p>
        <a:r>
          <a:rPr lang="en-US"/>
          <a:t>As far as I see both the EQ-5D-5L pain/disc and HWB-S pain load on the first factor. I wonder if we want to include ‘pain’ also in the name of this factor. (I understand that some specific pains such as breathing-related load on the 2nd factor). Similarly ‘energy’ may be ‘energy/sleep’?</a:t>
        </a:r>
      </a:p>
    </p188:txBody>
  </p188:cm>
  <p188:cm id="{079CC550-CFCF-8444-BC99-CDF7B1968EB7}" authorId="{8FDDA136-1146-345D-8618-3B1E6120E46F}" created="2024-02-08T19:26:20.271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spMk id="14" creationId="{F4A82614-4494-4480-BBFF-2418489CD550}"/>
    </ac:deMkLst>
    <p188:replyLst>
      <p188:reply id="{7144BBBC-F723-4553-83D0-FDEA5B2CED22}" authorId="{DC8F79E6-1827-A515-EF0A-F5FA9683201E}" created="2024-02-09T14:07:07.923">
        <p188:txBody>
          <a:bodyPr/>
          <a:lstStyle/>
          <a:p>
            <a:r>
              <a:rPr lang="en-US"/>
              <a:t>ok</a:t>
            </a:r>
          </a:p>
        </p188:txBody>
      </p188:reply>
    </p188:replyLst>
    <p188:txBody>
      <a:bodyPr/>
      <a:lstStyle/>
      <a:p>
        <a:r>
          <a:rPr lang="en-US"/>
          <a:t>My Corvinus affiliation is enough I think, thanks! (Revised it)</a:t>
        </a:r>
      </a:p>
    </p188:txBody>
  </p188:cm>
  <p188:cm id="{74D1DA56-4583-9547-B0F3-D940106F23C7}" authorId="{8FDDA136-1146-345D-8618-3B1E6120E46F}" created="2024-02-08T19:29:11.494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spMk id="19" creationId="{F6B2912E-8EF2-4834-B1B6-9EA8D8E7DEC6}"/>
    </ac:deMkLst>
    <p188:replyLst>
      <p188:reply id="{4AD19436-CD8B-4FAE-BA44-1EF7D092C4E8}" authorId="{DC8F79E6-1827-A515-EF0A-F5FA9683201E}" created="2024-02-09T14:08:47.035">
        <p188:txBody>
          <a:bodyPr/>
          <a:lstStyle/>
          <a:p>
            <a:r>
              <a:rPr lang="en-US"/>
              <a:t>Included this.</a:t>
            </a:r>
          </a:p>
        </p188:txBody>
      </p188:reply>
    </p188:replyLst>
    <p188:txBody>
      <a:bodyPr/>
      <a:lstStyle/>
      <a:p>
        <a:r>
          <a:rPr lang="en-US"/>
          <a:t>If we have room, I’d mention that 14 of 15 bolt-ons loaded on a separate factor than any EQ-5D-5L item</a:t>
        </a:r>
      </a:p>
    </p188:txBody>
  </p188:cm>
  <p188:cm id="{83183DE9-E89E-A440-97E6-ACA11FDEEB81}" authorId="{8FDDA136-1146-345D-8618-3B1E6120E46F}" created="2024-02-08T19:32:58.348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spMk id="11" creationId="{00000000-0000-0000-0000-000000000000}"/>
    </ac:deMkLst>
    <p188:replyLst>
      <p188:reply id="{36D19F2C-B8BD-483C-B9B0-A10DE4292C5C}" authorId="{DC8F79E6-1827-A515-EF0A-F5FA9683201E}" created="2024-02-09T14:07:46.393">
        <p188:txBody>
          <a:bodyPr/>
          <a:lstStyle/>
          <a:p>
            <a:r>
              <a:rPr lang="en-US"/>
              <a:t>No space for this unfortunately..... </a:t>
            </a:r>
          </a:p>
        </p188:txBody>
      </p188:reply>
    </p188:replyLst>
    <p188:txBody>
      <a:bodyPr/>
      <a:lstStyle/>
      <a:p>
        <a:r>
          <a:rPr lang="en-US"/>
          <a:t>Suggest listing the recall periods of the instruments below the table as a note as it may serve as a potential explanation for some unexpected patterns</a:t>
        </a:r>
      </a:p>
    </p188:txBody>
  </p188:cm>
  <p188:cm id="{8A70EADC-9930-9949-8AA3-ED9FCAB4B57F}" authorId="{8FDDA136-1146-345D-8618-3B1E6120E46F}" created="2024-02-08T19:35:16.399">
    <ac:deMkLst xmlns:ac="http://schemas.microsoft.com/office/drawing/2013/main/command">
      <pc:docMk xmlns:pc="http://schemas.microsoft.com/office/powerpoint/2013/main/command"/>
      <pc:sldMk xmlns:pc="http://schemas.microsoft.com/office/powerpoint/2013/main/command" cId="3137370692" sldId="257"/>
      <ac:spMk id="19" creationId="{F6B2912E-8EF2-4834-B1B6-9EA8D8E7DEC6}"/>
    </ac:deMkLst>
    <p188:replyLst>
      <p188:reply id="{2853FA3E-B125-4928-9627-FAF0A0CEAAF3}" authorId="{DC8F79E6-1827-A515-EF0A-F5FA9683201E}" created="2024-02-09T14:08:54.192">
        <p188:txBody>
          <a:bodyPr/>
          <a:lstStyle/>
          <a:p>
            <a:r>
              <a:rPr lang="en-US"/>
              <a:t>Included this.</a:t>
            </a:r>
          </a:p>
        </p188:txBody>
      </p188:reply>
    </p188:replyLst>
    <p188:txBody>
      <a:bodyPr/>
      <a:lstStyle/>
      <a:p>
        <a:r>
          <a:rPr lang="en-US"/>
          <a:t>Do we need a funding statement and an EQ project number? (If applicable)</a:t>
        </a:r>
      </a:p>
    </p188:txBody>
  </p188:cm>
</p188:cmLst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13-02-2024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#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49629875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13/02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13/02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en-GB" smtClean="0"/>
              <a:t>13/02/2024</a:t>
            </a:fld>
            <a:endParaRPr lang="en-GB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en-GB" smtClean="0"/>
              <a:t>13/02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en-GB" smtClean="0"/>
              <a:t>13/02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13/02/2024</a:t>
            </a:fld>
            <a:endParaRPr lang="en-GB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1" name="Picture Placeholder 250">
            <a:extLst>
              <a:ext uri="{FF2B5EF4-FFF2-40B4-BE49-F238E27FC236}">
                <a16:creationId xmlns:a16="http://schemas.microsoft.com/office/drawing/2014/main" id="{8FC9796D-6AA5-4C11-9361-CFA70946833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 bwMode="auto">
          <a:xfrm>
            <a:off x="60" y="34"/>
            <a:ext cx="12191941" cy="6857967"/>
          </a:xfrm>
          <a:custGeom>
            <a:avLst/>
            <a:gdLst>
              <a:gd name="connsiteX0" fmla="*/ 9042170 w 12191941"/>
              <a:gd name="connsiteY0" fmla="*/ 6474347 h 6857967"/>
              <a:gd name="connsiteX1" fmla="*/ 9042170 w 12191941"/>
              <a:gd name="connsiteY1" fmla="*/ 6545648 h 6857967"/>
              <a:gd name="connsiteX2" fmla="*/ 9113471 w 12191941"/>
              <a:gd name="connsiteY2" fmla="*/ 6545648 h 6857967"/>
              <a:gd name="connsiteX3" fmla="*/ 9113471 w 12191941"/>
              <a:gd name="connsiteY3" fmla="*/ 6474347 h 6857967"/>
              <a:gd name="connsiteX4" fmla="*/ 8899568 w 12191941"/>
              <a:gd name="connsiteY4" fmla="*/ 6474347 h 6857967"/>
              <a:gd name="connsiteX5" fmla="*/ 8899568 w 12191941"/>
              <a:gd name="connsiteY5" fmla="*/ 6545648 h 6857967"/>
              <a:gd name="connsiteX6" fmla="*/ 8970869 w 12191941"/>
              <a:gd name="connsiteY6" fmla="*/ 6545648 h 6857967"/>
              <a:gd name="connsiteX7" fmla="*/ 8970869 w 12191941"/>
              <a:gd name="connsiteY7" fmla="*/ 6474347 h 6857967"/>
              <a:gd name="connsiteX8" fmla="*/ 8756896 w 12191941"/>
              <a:gd name="connsiteY8" fmla="*/ 6474347 h 6857967"/>
              <a:gd name="connsiteX9" fmla="*/ 8756896 w 12191941"/>
              <a:gd name="connsiteY9" fmla="*/ 6545648 h 6857967"/>
              <a:gd name="connsiteX10" fmla="*/ 8828196 w 12191941"/>
              <a:gd name="connsiteY10" fmla="*/ 6545648 h 6857967"/>
              <a:gd name="connsiteX11" fmla="*/ 8828196 w 12191941"/>
              <a:gd name="connsiteY11" fmla="*/ 6474347 h 6857967"/>
              <a:gd name="connsiteX12" fmla="*/ 8614223 w 12191941"/>
              <a:gd name="connsiteY12" fmla="*/ 6474347 h 6857967"/>
              <a:gd name="connsiteX13" fmla="*/ 8614223 w 12191941"/>
              <a:gd name="connsiteY13" fmla="*/ 6545648 h 6857967"/>
              <a:gd name="connsiteX14" fmla="*/ 8685524 w 12191941"/>
              <a:gd name="connsiteY14" fmla="*/ 6545648 h 6857967"/>
              <a:gd name="connsiteX15" fmla="*/ 8685524 w 12191941"/>
              <a:gd name="connsiteY15" fmla="*/ 6474347 h 6857967"/>
              <a:gd name="connsiteX16" fmla="*/ 8471622 w 12191941"/>
              <a:gd name="connsiteY16" fmla="*/ 6474347 h 6857967"/>
              <a:gd name="connsiteX17" fmla="*/ 8471622 w 12191941"/>
              <a:gd name="connsiteY17" fmla="*/ 6545648 h 6857967"/>
              <a:gd name="connsiteX18" fmla="*/ 8542923 w 12191941"/>
              <a:gd name="connsiteY18" fmla="*/ 6545648 h 6857967"/>
              <a:gd name="connsiteX19" fmla="*/ 8542923 w 12191941"/>
              <a:gd name="connsiteY19" fmla="*/ 6474347 h 6857967"/>
              <a:gd name="connsiteX20" fmla="*/ 8328949 w 12191941"/>
              <a:gd name="connsiteY20" fmla="*/ 6474347 h 6857967"/>
              <a:gd name="connsiteX21" fmla="*/ 8328949 w 12191941"/>
              <a:gd name="connsiteY21" fmla="*/ 6545648 h 6857967"/>
              <a:gd name="connsiteX22" fmla="*/ 8400250 w 12191941"/>
              <a:gd name="connsiteY22" fmla="*/ 6545648 h 6857967"/>
              <a:gd name="connsiteX23" fmla="*/ 8400250 w 12191941"/>
              <a:gd name="connsiteY23" fmla="*/ 6474347 h 6857967"/>
              <a:gd name="connsiteX24" fmla="*/ 8186348 w 12191941"/>
              <a:gd name="connsiteY24" fmla="*/ 6474347 h 6857967"/>
              <a:gd name="connsiteX25" fmla="*/ 8186348 w 12191941"/>
              <a:gd name="connsiteY25" fmla="*/ 6545648 h 6857967"/>
              <a:gd name="connsiteX26" fmla="*/ 8257649 w 12191941"/>
              <a:gd name="connsiteY26" fmla="*/ 6545648 h 6857967"/>
              <a:gd name="connsiteX27" fmla="*/ 8257649 w 12191941"/>
              <a:gd name="connsiteY27" fmla="*/ 6474347 h 6857967"/>
              <a:gd name="connsiteX28" fmla="*/ 8043675 w 12191941"/>
              <a:gd name="connsiteY28" fmla="*/ 6474347 h 6857967"/>
              <a:gd name="connsiteX29" fmla="*/ 8043675 w 12191941"/>
              <a:gd name="connsiteY29" fmla="*/ 6545648 h 6857967"/>
              <a:gd name="connsiteX30" fmla="*/ 8114976 w 12191941"/>
              <a:gd name="connsiteY30" fmla="*/ 6545648 h 6857967"/>
              <a:gd name="connsiteX31" fmla="*/ 8114976 w 12191941"/>
              <a:gd name="connsiteY31" fmla="*/ 6474347 h 6857967"/>
              <a:gd name="connsiteX32" fmla="*/ 7901003 w 12191941"/>
              <a:gd name="connsiteY32" fmla="*/ 6474347 h 6857967"/>
              <a:gd name="connsiteX33" fmla="*/ 7901003 w 12191941"/>
              <a:gd name="connsiteY33" fmla="*/ 6545648 h 6857967"/>
              <a:gd name="connsiteX34" fmla="*/ 7972304 w 12191941"/>
              <a:gd name="connsiteY34" fmla="*/ 6545648 h 6857967"/>
              <a:gd name="connsiteX35" fmla="*/ 7972304 w 12191941"/>
              <a:gd name="connsiteY35" fmla="*/ 6474347 h 6857967"/>
              <a:gd name="connsiteX36" fmla="*/ 7758401 w 12191941"/>
              <a:gd name="connsiteY36" fmla="*/ 6474347 h 6857967"/>
              <a:gd name="connsiteX37" fmla="*/ 7758401 w 12191941"/>
              <a:gd name="connsiteY37" fmla="*/ 6545648 h 6857967"/>
              <a:gd name="connsiteX38" fmla="*/ 7829702 w 12191941"/>
              <a:gd name="connsiteY38" fmla="*/ 6545648 h 6857967"/>
              <a:gd name="connsiteX39" fmla="*/ 7829702 w 12191941"/>
              <a:gd name="connsiteY39" fmla="*/ 6474347 h 6857967"/>
              <a:gd name="connsiteX40" fmla="*/ 7615728 w 12191941"/>
              <a:gd name="connsiteY40" fmla="*/ 6474347 h 6857967"/>
              <a:gd name="connsiteX41" fmla="*/ 7615728 w 12191941"/>
              <a:gd name="connsiteY41" fmla="*/ 6545648 h 6857967"/>
              <a:gd name="connsiteX42" fmla="*/ 7687029 w 12191941"/>
              <a:gd name="connsiteY42" fmla="*/ 6545648 h 6857967"/>
              <a:gd name="connsiteX43" fmla="*/ 7687029 w 12191941"/>
              <a:gd name="connsiteY43" fmla="*/ 6474347 h 6857967"/>
              <a:gd name="connsiteX44" fmla="*/ 7473127 w 12191941"/>
              <a:gd name="connsiteY44" fmla="*/ 6474347 h 6857967"/>
              <a:gd name="connsiteX45" fmla="*/ 7473127 w 12191941"/>
              <a:gd name="connsiteY45" fmla="*/ 6545648 h 6857967"/>
              <a:gd name="connsiteX46" fmla="*/ 7544428 w 12191941"/>
              <a:gd name="connsiteY46" fmla="*/ 6545648 h 6857967"/>
              <a:gd name="connsiteX47" fmla="*/ 7544428 w 12191941"/>
              <a:gd name="connsiteY47" fmla="*/ 6474347 h 6857967"/>
              <a:gd name="connsiteX48" fmla="*/ 7330454 w 12191941"/>
              <a:gd name="connsiteY48" fmla="*/ 6474347 h 6857967"/>
              <a:gd name="connsiteX49" fmla="*/ 7330454 w 12191941"/>
              <a:gd name="connsiteY49" fmla="*/ 6545648 h 6857967"/>
              <a:gd name="connsiteX50" fmla="*/ 7401755 w 12191941"/>
              <a:gd name="connsiteY50" fmla="*/ 6545648 h 6857967"/>
              <a:gd name="connsiteX51" fmla="*/ 7401755 w 12191941"/>
              <a:gd name="connsiteY51" fmla="*/ 6474347 h 6857967"/>
              <a:gd name="connsiteX52" fmla="*/ 7187853 w 12191941"/>
              <a:gd name="connsiteY52" fmla="*/ 6474347 h 6857967"/>
              <a:gd name="connsiteX53" fmla="*/ 7187853 w 12191941"/>
              <a:gd name="connsiteY53" fmla="*/ 6545648 h 6857967"/>
              <a:gd name="connsiteX54" fmla="*/ 7259154 w 12191941"/>
              <a:gd name="connsiteY54" fmla="*/ 6545648 h 6857967"/>
              <a:gd name="connsiteX55" fmla="*/ 7259154 w 12191941"/>
              <a:gd name="connsiteY55" fmla="*/ 6474347 h 6857967"/>
              <a:gd name="connsiteX56" fmla="*/ 7045180 w 12191941"/>
              <a:gd name="connsiteY56" fmla="*/ 6474347 h 6857967"/>
              <a:gd name="connsiteX57" fmla="*/ 7045180 w 12191941"/>
              <a:gd name="connsiteY57" fmla="*/ 6545648 h 6857967"/>
              <a:gd name="connsiteX58" fmla="*/ 7116481 w 12191941"/>
              <a:gd name="connsiteY58" fmla="*/ 6545648 h 6857967"/>
              <a:gd name="connsiteX59" fmla="*/ 7116481 w 12191941"/>
              <a:gd name="connsiteY59" fmla="*/ 6474347 h 6857967"/>
              <a:gd name="connsiteX60" fmla="*/ 6902579 w 12191941"/>
              <a:gd name="connsiteY60" fmla="*/ 6474347 h 6857967"/>
              <a:gd name="connsiteX61" fmla="*/ 6902579 w 12191941"/>
              <a:gd name="connsiteY61" fmla="*/ 6545648 h 6857967"/>
              <a:gd name="connsiteX62" fmla="*/ 6973880 w 12191941"/>
              <a:gd name="connsiteY62" fmla="*/ 6545648 h 6857967"/>
              <a:gd name="connsiteX63" fmla="*/ 6973880 w 12191941"/>
              <a:gd name="connsiteY63" fmla="*/ 6474347 h 6857967"/>
              <a:gd name="connsiteX64" fmla="*/ 6759906 w 12191941"/>
              <a:gd name="connsiteY64" fmla="*/ 6474347 h 6857967"/>
              <a:gd name="connsiteX65" fmla="*/ 6759906 w 12191941"/>
              <a:gd name="connsiteY65" fmla="*/ 6545648 h 6857967"/>
              <a:gd name="connsiteX66" fmla="*/ 6831207 w 12191941"/>
              <a:gd name="connsiteY66" fmla="*/ 6545648 h 6857967"/>
              <a:gd name="connsiteX67" fmla="*/ 6831207 w 12191941"/>
              <a:gd name="connsiteY67" fmla="*/ 6474347 h 6857967"/>
              <a:gd name="connsiteX68" fmla="*/ 6617234 w 12191941"/>
              <a:gd name="connsiteY68" fmla="*/ 6474347 h 6857967"/>
              <a:gd name="connsiteX69" fmla="*/ 6617234 w 12191941"/>
              <a:gd name="connsiteY69" fmla="*/ 6545648 h 6857967"/>
              <a:gd name="connsiteX70" fmla="*/ 6688535 w 12191941"/>
              <a:gd name="connsiteY70" fmla="*/ 6545648 h 6857967"/>
              <a:gd name="connsiteX71" fmla="*/ 6688535 w 12191941"/>
              <a:gd name="connsiteY71" fmla="*/ 6474347 h 6857967"/>
              <a:gd name="connsiteX72" fmla="*/ 6474632 w 12191941"/>
              <a:gd name="connsiteY72" fmla="*/ 6474347 h 6857967"/>
              <a:gd name="connsiteX73" fmla="*/ 6474632 w 12191941"/>
              <a:gd name="connsiteY73" fmla="*/ 6545648 h 6857967"/>
              <a:gd name="connsiteX74" fmla="*/ 6545933 w 12191941"/>
              <a:gd name="connsiteY74" fmla="*/ 6545648 h 6857967"/>
              <a:gd name="connsiteX75" fmla="*/ 6545933 w 12191941"/>
              <a:gd name="connsiteY75" fmla="*/ 6474347 h 6857967"/>
              <a:gd name="connsiteX76" fmla="*/ 6331959 w 12191941"/>
              <a:gd name="connsiteY76" fmla="*/ 6474347 h 6857967"/>
              <a:gd name="connsiteX77" fmla="*/ 6331959 w 12191941"/>
              <a:gd name="connsiteY77" fmla="*/ 6545648 h 6857967"/>
              <a:gd name="connsiteX78" fmla="*/ 6403260 w 12191941"/>
              <a:gd name="connsiteY78" fmla="*/ 6545648 h 6857967"/>
              <a:gd name="connsiteX79" fmla="*/ 6403260 w 12191941"/>
              <a:gd name="connsiteY79" fmla="*/ 6474347 h 6857967"/>
              <a:gd name="connsiteX80" fmla="*/ 6189358 w 12191941"/>
              <a:gd name="connsiteY80" fmla="*/ 6474347 h 6857967"/>
              <a:gd name="connsiteX81" fmla="*/ 6189358 w 12191941"/>
              <a:gd name="connsiteY81" fmla="*/ 6545648 h 6857967"/>
              <a:gd name="connsiteX82" fmla="*/ 6260659 w 12191941"/>
              <a:gd name="connsiteY82" fmla="*/ 6545648 h 6857967"/>
              <a:gd name="connsiteX83" fmla="*/ 6260659 w 12191941"/>
              <a:gd name="connsiteY83" fmla="*/ 6474347 h 6857967"/>
              <a:gd name="connsiteX84" fmla="*/ 6046689 w 12191941"/>
              <a:gd name="connsiteY84" fmla="*/ 6474347 h 6857967"/>
              <a:gd name="connsiteX85" fmla="*/ 6046689 w 12191941"/>
              <a:gd name="connsiteY85" fmla="*/ 6545648 h 6857967"/>
              <a:gd name="connsiteX86" fmla="*/ 6117986 w 12191941"/>
              <a:gd name="connsiteY86" fmla="*/ 6545648 h 6857967"/>
              <a:gd name="connsiteX87" fmla="*/ 6117986 w 12191941"/>
              <a:gd name="connsiteY87" fmla="*/ 6474347 h 6857967"/>
              <a:gd name="connsiteX88" fmla="*/ 5904022 w 12191941"/>
              <a:gd name="connsiteY88" fmla="*/ 6474347 h 6857967"/>
              <a:gd name="connsiteX89" fmla="*/ 5904022 w 12191941"/>
              <a:gd name="connsiteY89" fmla="*/ 6545648 h 6857967"/>
              <a:gd name="connsiteX90" fmla="*/ 5975319 w 12191941"/>
              <a:gd name="connsiteY90" fmla="*/ 6545648 h 6857967"/>
              <a:gd name="connsiteX91" fmla="*/ 5975319 w 12191941"/>
              <a:gd name="connsiteY91" fmla="*/ 6474347 h 6857967"/>
              <a:gd name="connsiteX92" fmla="*/ 5761426 w 12191941"/>
              <a:gd name="connsiteY92" fmla="*/ 6474347 h 6857967"/>
              <a:gd name="connsiteX93" fmla="*/ 5761426 w 12191941"/>
              <a:gd name="connsiteY93" fmla="*/ 6545648 h 6857967"/>
              <a:gd name="connsiteX94" fmla="*/ 5832724 w 12191941"/>
              <a:gd name="connsiteY94" fmla="*/ 6545648 h 6857967"/>
              <a:gd name="connsiteX95" fmla="*/ 5832724 w 12191941"/>
              <a:gd name="connsiteY95" fmla="*/ 6474347 h 6857967"/>
              <a:gd name="connsiteX96" fmla="*/ 5618761 w 12191941"/>
              <a:gd name="connsiteY96" fmla="*/ 6474347 h 6857967"/>
              <a:gd name="connsiteX97" fmla="*/ 5618761 w 12191941"/>
              <a:gd name="connsiteY97" fmla="*/ 6545648 h 6857967"/>
              <a:gd name="connsiteX98" fmla="*/ 5690059 w 12191941"/>
              <a:gd name="connsiteY98" fmla="*/ 6545648 h 6857967"/>
              <a:gd name="connsiteX99" fmla="*/ 5690059 w 12191941"/>
              <a:gd name="connsiteY99" fmla="*/ 6474347 h 6857967"/>
              <a:gd name="connsiteX100" fmla="*/ 5476167 w 12191941"/>
              <a:gd name="connsiteY100" fmla="*/ 6474347 h 6857967"/>
              <a:gd name="connsiteX101" fmla="*/ 5476167 w 12191941"/>
              <a:gd name="connsiteY101" fmla="*/ 6545648 h 6857967"/>
              <a:gd name="connsiteX102" fmla="*/ 5547463 w 12191941"/>
              <a:gd name="connsiteY102" fmla="*/ 6545648 h 6857967"/>
              <a:gd name="connsiteX103" fmla="*/ 5547463 w 12191941"/>
              <a:gd name="connsiteY103" fmla="*/ 6474347 h 6857967"/>
              <a:gd name="connsiteX104" fmla="*/ 5333500 w 12191941"/>
              <a:gd name="connsiteY104" fmla="*/ 6474347 h 6857967"/>
              <a:gd name="connsiteX105" fmla="*/ 5333500 w 12191941"/>
              <a:gd name="connsiteY105" fmla="*/ 6545648 h 6857967"/>
              <a:gd name="connsiteX106" fmla="*/ 5404799 w 12191941"/>
              <a:gd name="connsiteY106" fmla="*/ 6545648 h 6857967"/>
              <a:gd name="connsiteX107" fmla="*/ 5404799 w 12191941"/>
              <a:gd name="connsiteY107" fmla="*/ 6474347 h 6857967"/>
              <a:gd name="connsiteX108" fmla="*/ 5190877 w 12191941"/>
              <a:gd name="connsiteY108" fmla="*/ 6474347 h 6857967"/>
              <a:gd name="connsiteX109" fmla="*/ 5190877 w 12191941"/>
              <a:gd name="connsiteY109" fmla="*/ 6545648 h 6857967"/>
              <a:gd name="connsiteX110" fmla="*/ 5262188 w 12191941"/>
              <a:gd name="connsiteY110" fmla="*/ 6545648 h 6857967"/>
              <a:gd name="connsiteX111" fmla="*/ 5262188 w 12191941"/>
              <a:gd name="connsiteY111" fmla="*/ 6474347 h 6857967"/>
              <a:gd name="connsiteX112" fmla="*/ 5048236 w 12191941"/>
              <a:gd name="connsiteY112" fmla="*/ 6474347 h 6857967"/>
              <a:gd name="connsiteX113" fmla="*/ 5048236 w 12191941"/>
              <a:gd name="connsiteY113" fmla="*/ 6545648 h 6857967"/>
              <a:gd name="connsiteX114" fmla="*/ 5119527 w 12191941"/>
              <a:gd name="connsiteY114" fmla="*/ 6545648 h 6857967"/>
              <a:gd name="connsiteX115" fmla="*/ 5119527 w 12191941"/>
              <a:gd name="connsiteY115" fmla="*/ 6474347 h 6857967"/>
              <a:gd name="connsiteX116" fmla="*/ 4906607 w 12191941"/>
              <a:gd name="connsiteY116" fmla="*/ 6474347 h 6857967"/>
              <a:gd name="connsiteX117" fmla="*/ 4906607 w 12191941"/>
              <a:gd name="connsiteY117" fmla="*/ 6545648 h 6857967"/>
              <a:gd name="connsiteX118" fmla="*/ 4977916 w 12191941"/>
              <a:gd name="connsiteY118" fmla="*/ 6545648 h 6857967"/>
              <a:gd name="connsiteX119" fmla="*/ 4977916 w 12191941"/>
              <a:gd name="connsiteY119" fmla="*/ 6474347 h 6857967"/>
              <a:gd name="connsiteX120" fmla="*/ 4764013 w 12191941"/>
              <a:gd name="connsiteY120" fmla="*/ 6474347 h 6857967"/>
              <a:gd name="connsiteX121" fmla="*/ 4764013 w 12191941"/>
              <a:gd name="connsiteY121" fmla="*/ 6545648 h 6857967"/>
              <a:gd name="connsiteX122" fmla="*/ 4835311 w 12191941"/>
              <a:gd name="connsiteY122" fmla="*/ 6545648 h 6857967"/>
              <a:gd name="connsiteX123" fmla="*/ 4835311 w 12191941"/>
              <a:gd name="connsiteY123" fmla="*/ 6474347 h 6857967"/>
              <a:gd name="connsiteX124" fmla="*/ 4621341 w 12191941"/>
              <a:gd name="connsiteY124" fmla="*/ 6474347 h 6857967"/>
              <a:gd name="connsiteX125" fmla="*/ 4621341 w 12191941"/>
              <a:gd name="connsiteY125" fmla="*/ 6545648 h 6857967"/>
              <a:gd name="connsiteX126" fmla="*/ 4692639 w 12191941"/>
              <a:gd name="connsiteY126" fmla="*/ 6545648 h 6857967"/>
              <a:gd name="connsiteX127" fmla="*/ 4692639 w 12191941"/>
              <a:gd name="connsiteY127" fmla="*/ 6474347 h 6857967"/>
              <a:gd name="connsiteX128" fmla="*/ 4478666 w 12191941"/>
              <a:gd name="connsiteY128" fmla="*/ 6474347 h 6857967"/>
              <a:gd name="connsiteX129" fmla="*/ 4478666 w 12191941"/>
              <a:gd name="connsiteY129" fmla="*/ 6545648 h 6857967"/>
              <a:gd name="connsiteX130" fmla="*/ 4549969 w 12191941"/>
              <a:gd name="connsiteY130" fmla="*/ 6545648 h 6857967"/>
              <a:gd name="connsiteX131" fmla="*/ 4549969 w 12191941"/>
              <a:gd name="connsiteY131" fmla="*/ 6474347 h 6857967"/>
              <a:gd name="connsiteX132" fmla="*/ 4336061 w 12191941"/>
              <a:gd name="connsiteY132" fmla="*/ 6474347 h 6857967"/>
              <a:gd name="connsiteX133" fmla="*/ 4336061 w 12191941"/>
              <a:gd name="connsiteY133" fmla="*/ 6545648 h 6857967"/>
              <a:gd name="connsiteX134" fmla="*/ 4407362 w 12191941"/>
              <a:gd name="connsiteY134" fmla="*/ 6545648 h 6857967"/>
              <a:gd name="connsiteX135" fmla="*/ 4407362 w 12191941"/>
              <a:gd name="connsiteY135" fmla="*/ 6474347 h 6857967"/>
              <a:gd name="connsiteX136" fmla="*/ 4193412 w 12191941"/>
              <a:gd name="connsiteY136" fmla="*/ 6474347 h 6857967"/>
              <a:gd name="connsiteX137" fmla="*/ 4193412 w 12191941"/>
              <a:gd name="connsiteY137" fmla="*/ 6545648 h 6857967"/>
              <a:gd name="connsiteX138" fmla="*/ 4264695 w 12191941"/>
              <a:gd name="connsiteY138" fmla="*/ 6545648 h 6857967"/>
              <a:gd name="connsiteX139" fmla="*/ 4264695 w 12191941"/>
              <a:gd name="connsiteY139" fmla="*/ 6474347 h 6857967"/>
              <a:gd name="connsiteX140" fmla="*/ 4050809 w 12191941"/>
              <a:gd name="connsiteY140" fmla="*/ 6474347 h 6857967"/>
              <a:gd name="connsiteX141" fmla="*/ 4050809 w 12191941"/>
              <a:gd name="connsiteY141" fmla="*/ 6545648 h 6857967"/>
              <a:gd name="connsiteX142" fmla="*/ 4122113 w 12191941"/>
              <a:gd name="connsiteY142" fmla="*/ 6545648 h 6857967"/>
              <a:gd name="connsiteX143" fmla="*/ 4122113 w 12191941"/>
              <a:gd name="connsiteY143" fmla="*/ 6474347 h 6857967"/>
              <a:gd name="connsiteX144" fmla="*/ 3908136 w 12191941"/>
              <a:gd name="connsiteY144" fmla="*/ 6474347 h 6857967"/>
              <a:gd name="connsiteX145" fmla="*/ 3908136 w 12191941"/>
              <a:gd name="connsiteY145" fmla="*/ 6545648 h 6857967"/>
              <a:gd name="connsiteX146" fmla="*/ 3979438 w 12191941"/>
              <a:gd name="connsiteY146" fmla="*/ 6545648 h 6857967"/>
              <a:gd name="connsiteX147" fmla="*/ 3979438 w 12191941"/>
              <a:gd name="connsiteY147" fmla="*/ 6474347 h 6857967"/>
              <a:gd name="connsiteX148" fmla="*/ 3765462 w 12191941"/>
              <a:gd name="connsiteY148" fmla="*/ 6474347 h 6857967"/>
              <a:gd name="connsiteX149" fmla="*/ 3765462 w 12191941"/>
              <a:gd name="connsiteY149" fmla="*/ 6545648 h 6857967"/>
              <a:gd name="connsiteX150" fmla="*/ 3836763 w 12191941"/>
              <a:gd name="connsiteY150" fmla="*/ 6545648 h 6857967"/>
              <a:gd name="connsiteX151" fmla="*/ 3836763 w 12191941"/>
              <a:gd name="connsiteY151" fmla="*/ 6474347 h 6857967"/>
              <a:gd name="connsiteX152" fmla="*/ 3622851 w 12191941"/>
              <a:gd name="connsiteY152" fmla="*/ 6474347 h 6857967"/>
              <a:gd name="connsiteX153" fmla="*/ 3622851 w 12191941"/>
              <a:gd name="connsiteY153" fmla="*/ 6545648 h 6857967"/>
              <a:gd name="connsiteX154" fmla="*/ 3694151 w 12191941"/>
              <a:gd name="connsiteY154" fmla="*/ 6545648 h 6857967"/>
              <a:gd name="connsiteX155" fmla="*/ 3694151 w 12191941"/>
              <a:gd name="connsiteY155" fmla="*/ 6474347 h 6857967"/>
              <a:gd name="connsiteX156" fmla="*/ 3480203 w 12191941"/>
              <a:gd name="connsiteY156" fmla="*/ 6474347 h 6857967"/>
              <a:gd name="connsiteX157" fmla="*/ 3480203 w 12191941"/>
              <a:gd name="connsiteY157" fmla="*/ 6545648 h 6857967"/>
              <a:gd name="connsiteX158" fmla="*/ 3551509 w 12191941"/>
              <a:gd name="connsiteY158" fmla="*/ 6545648 h 6857967"/>
              <a:gd name="connsiteX159" fmla="*/ 3551509 w 12191941"/>
              <a:gd name="connsiteY159" fmla="*/ 6474347 h 6857967"/>
              <a:gd name="connsiteX160" fmla="*/ 3337579 w 12191941"/>
              <a:gd name="connsiteY160" fmla="*/ 6474347 h 6857967"/>
              <a:gd name="connsiteX161" fmla="*/ 3337579 w 12191941"/>
              <a:gd name="connsiteY161" fmla="*/ 6545648 h 6857967"/>
              <a:gd name="connsiteX162" fmla="*/ 3408880 w 12191941"/>
              <a:gd name="connsiteY162" fmla="*/ 6545648 h 6857967"/>
              <a:gd name="connsiteX163" fmla="*/ 3408880 w 12191941"/>
              <a:gd name="connsiteY163" fmla="*/ 6474347 h 6857967"/>
              <a:gd name="connsiteX164" fmla="*/ 3194905 w 12191941"/>
              <a:gd name="connsiteY164" fmla="*/ 6474347 h 6857967"/>
              <a:gd name="connsiteX165" fmla="*/ 3194905 w 12191941"/>
              <a:gd name="connsiteY165" fmla="*/ 6545648 h 6857967"/>
              <a:gd name="connsiteX166" fmla="*/ 3266206 w 12191941"/>
              <a:gd name="connsiteY166" fmla="*/ 6545648 h 6857967"/>
              <a:gd name="connsiteX167" fmla="*/ 3266206 w 12191941"/>
              <a:gd name="connsiteY167" fmla="*/ 6474347 h 6857967"/>
              <a:gd name="connsiteX168" fmla="*/ 3052304 w 12191941"/>
              <a:gd name="connsiteY168" fmla="*/ 6474347 h 6857967"/>
              <a:gd name="connsiteX169" fmla="*/ 3052304 w 12191941"/>
              <a:gd name="connsiteY169" fmla="*/ 6545648 h 6857967"/>
              <a:gd name="connsiteX170" fmla="*/ 3123606 w 12191941"/>
              <a:gd name="connsiteY170" fmla="*/ 6545648 h 6857967"/>
              <a:gd name="connsiteX171" fmla="*/ 3123606 w 12191941"/>
              <a:gd name="connsiteY171" fmla="*/ 6474347 h 6857967"/>
              <a:gd name="connsiteX172" fmla="*/ 2909633 w 12191941"/>
              <a:gd name="connsiteY172" fmla="*/ 6474347 h 6857967"/>
              <a:gd name="connsiteX173" fmla="*/ 2909633 w 12191941"/>
              <a:gd name="connsiteY173" fmla="*/ 6545648 h 6857967"/>
              <a:gd name="connsiteX174" fmla="*/ 2980934 w 12191941"/>
              <a:gd name="connsiteY174" fmla="*/ 6545648 h 6857967"/>
              <a:gd name="connsiteX175" fmla="*/ 2980934 w 12191941"/>
              <a:gd name="connsiteY175" fmla="*/ 6474347 h 6857967"/>
              <a:gd name="connsiteX176" fmla="*/ 2767033 w 12191941"/>
              <a:gd name="connsiteY176" fmla="*/ 6474347 h 6857967"/>
              <a:gd name="connsiteX177" fmla="*/ 2767033 w 12191941"/>
              <a:gd name="connsiteY177" fmla="*/ 6545648 h 6857967"/>
              <a:gd name="connsiteX178" fmla="*/ 2838334 w 12191941"/>
              <a:gd name="connsiteY178" fmla="*/ 6545648 h 6857967"/>
              <a:gd name="connsiteX179" fmla="*/ 2838334 w 12191941"/>
              <a:gd name="connsiteY179" fmla="*/ 6474347 h 6857967"/>
              <a:gd name="connsiteX180" fmla="*/ 2624360 w 12191941"/>
              <a:gd name="connsiteY180" fmla="*/ 6474347 h 6857967"/>
              <a:gd name="connsiteX181" fmla="*/ 2624360 w 12191941"/>
              <a:gd name="connsiteY181" fmla="*/ 6545648 h 6857967"/>
              <a:gd name="connsiteX182" fmla="*/ 2695661 w 12191941"/>
              <a:gd name="connsiteY182" fmla="*/ 6545648 h 6857967"/>
              <a:gd name="connsiteX183" fmla="*/ 2695661 w 12191941"/>
              <a:gd name="connsiteY183" fmla="*/ 6474347 h 6857967"/>
              <a:gd name="connsiteX184" fmla="*/ 2481690 w 12191941"/>
              <a:gd name="connsiteY184" fmla="*/ 6474347 h 6857967"/>
              <a:gd name="connsiteX185" fmla="*/ 2481690 w 12191941"/>
              <a:gd name="connsiteY185" fmla="*/ 6545648 h 6857967"/>
              <a:gd name="connsiteX186" fmla="*/ 2552990 w 12191941"/>
              <a:gd name="connsiteY186" fmla="*/ 6545648 h 6857967"/>
              <a:gd name="connsiteX187" fmla="*/ 2552990 w 12191941"/>
              <a:gd name="connsiteY187" fmla="*/ 6474347 h 6857967"/>
              <a:gd name="connsiteX188" fmla="*/ 2339090 w 12191941"/>
              <a:gd name="connsiteY188" fmla="*/ 6474347 h 6857967"/>
              <a:gd name="connsiteX189" fmla="*/ 2339090 w 12191941"/>
              <a:gd name="connsiteY189" fmla="*/ 6545648 h 6857967"/>
              <a:gd name="connsiteX190" fmla="*/ 2410390 w 12191941"/>
              <a:gd name="connsiteY190" fmla="*/ 6545648 h 6857967"/>
              <a:gd name="connsiteX191" fmla="*/ 2410390 w 12191941"/>
              <a:gd name="connsiteY191" fmla="*/ 6474347 h 6857967"/>
              <a:gd name="connsiteX192" fmla="*/ 2196420 w 12191941"/>
              <a:gd name="connsiteY192" fmla="*/ 6474347 h 6857967"/>
              <a:gd name="connsiteX193" fmla="*/ 2196420 w 12191941"/>
              <a:gd name="connsiteY193" fmla="*/ 6545648 h 6857967"/>
              <a:gd name="connsiteX194" fmla="*/ 2267720 w 12191941"/>
              <a:gd name="connsiteY194" fmla="*/ 6545648 h 6857967"/>
              <a:gd name="connsiteX195" fmla="*/ 2267720 w 12191941"/>
              <a:gd name="connsiteY195" fmla="*/ 6474347 h 6857967"/>
              <a:gd name="connsiteX196" fmla="*/ 2053813 w 12191941"/>
              <a:gd name="connsiteY196" fmla="*/ 6474347 h 6857967"/>
              <a:gd name="connsiteX197" fmla="*/ 2053813 w 12191941"/>
              <a:gd name="connsiteY197" fmla="*/ 6545648 h 6857967"/>
              <a:gd name="connsiteX198" fmla="*/ 2125117 w 12191941"/>
              <a:gd name="connsiteY198" fmla="*/ 6545648 h 6857967"/>
              <a:gd name="connsiteX199" fmla="*/ 2125117 w 12191941"/>
              <a:gd name="connsiteY199" fmla="*/ 6474347 h 6857967"/>
              <a:gd name="connsiteX200" fmla="*/ 1911141 w 12191941"/>
              <a:gd name="connsiteY200" fmla="*/ 6474347 h 6857967"/>
              <a:gd name="connsiteX201" fmla="*/ 1911141 w 12191941"/>
              <a:gd name="connsiteY201" fmla="*/ 6545648 h 6857967"/>
              <a:gd name="connsiteX202" fmla="*/ 1982442 w 12191941"/>
              <a:gd name="connsiteY202" fmla="*/ 6545648 h 6857967"/>
              <a:gd name="connsiteX203" fmla="*/ 1982442 w 12191941"/>
              <a:gd name="connsiteY203" fmla="*/ 6474347 h 6857967"/>
              <a:gd name="connsiteX204" fmla="*/ 1768470 w 12191941"/>
              <a:gd name="connsiteY204" fmla="*/ 6474347 h 6857967"/>
              <a:gd name="connsiteX205" fmla="*/ 1768470 w 12191941"/>
              <a:gd name="connsiteY205" fmla="*/ 6545648 h 6857967"/>
              <a:gd name="connsiteX206" fmla="*/ 1839771 w 12191941"/>
              <a:gd name="connsiteY206" fmla="*/ 6545648 h 6857967"/>
              <a:gd name="connsiteX207" fmla="*/ 1839771 w 12191941"/>
              <a:gd name="connsiteY207" fmla="*/ 6474347 h 6857967"/>
              <a:gd name="connsiteX208" fmla="*/ 1625870 w 12191941"/>
              <a:gd name="connsiteY208" fmla="*/ 6474347 h 6857967"/>
              <a:gd name="connsiteX209" fmla="*/ 1625870 w 12191941"/>
              <a:gd name="connsiteY209" fmla="*/ 6545648 h 6857967"/>
              <a:gd name="connsiteX210" fmla="*/ 1697170 w 12191941"/>
              <a:gd name="connsiteY210" fmla="*/ 6545648 h 6857967"/>
              <a:gd name="connsiteX211" fmla="*/ 1697170 w 12191941"/>
              <a:gd name="connsiteY211" fmla="*/ 6474347 h 6857967"/>
              <a:gd name="connsiteX212" fmla="*/ 1483199 w 12191941"/>
              <a:gd name="connsiteY212" fmla="*/ 6474347 h 6857967"/>
              <a:gd name="connsiteX213" fmla="*/ 1483199 w 12191941"/>
              <a:gd name="connsiteY213" fmla="*/ 6545648 h 6857967"/>
              <a:gd name="connsiteX214" fmla="*/ 1554500 w 12191941"/>
              <a:gd name="connsiteY214" fmla="*/ 6545648 h 6857967"/>
              <a:gd name="connsiteX215" fmla="*/ 1554500 w 12191941"/>
              <a:gd name="connsiteY215" fmla="*/ 6474347 h 6857967"/>
              <a:gd name="connsiteX216" fmla="*/ 1340599 w 12191941"/>
              <a:gd name="connsiteY216" fmla="*/ 6474347 h 6857967"/>
              <a:gd name="connsiteX217" fmla="*/ 1340599 w 12191941"/>
              <a:gd name="connsiteY217" fmla="*/ 6545648 h 6857967"/>
              <a:gd name="connsiteX218" fmla="*/ 1411899 w 12191941"/>
              <a:gd name="connsiteY218" fmla="*/ 6545648 h 6857967"/>
              <a:gd name="connsiteX219" fmla="*/ 1411899 w 12191941"/>
              <a:gd name="connsiteY219" fmla="*/ 6474347 h 6857967"/>
              <a:gd name="connsiteX220" fmla="*/ 1197929 w 12191941"/>
              <a:gd name="connsiteY220" fmla="*/ 6474347 h 6857967"/>
              <a:gd name="connsiteX221" fmla="*/ 1197929 w 12191941"/>
              <a:gd name="connsiteY221" fmla="*/ 6545648 h 6857967"/>
              <a:gd name="connsiteX222" fmla="*/ 1269230 w 12191941"/>
              <a:gd name="connsiteY222" fmla="*/ 6545648 h 6857967"/>
              <a:gd name="connsiteX223" fmla="*/ 1269230 w 12191941"/>
              <a:gd name="connsiteY223" fmla="*/ 6474347 h 6857967"/>
              <a:gd name="connsiteX224" fmla="*/ 1055311 w 12191941"/>
              <a:gd name="connsiteY224" fmla="*/ 6474347 h 6857967"/>
              <a:gd name="connsiteX225" fmla="*/ 1055311 w 12191941"/>
              <a:gd name="connsiteY225" fmla="*/ 6545648 h 6857967"/>
              <a:gd name="connsiteX226" fmla="*/ 1126612 w 12191941"/>
              <a:gd name="connsiteY226" fmla="*/ 6545648 h 6857967"/>
              <a:gd name="connsiteX227" fmla="*/ 1126612 w 12191941"/>
              <a:gd name="connsiteY227" fmla="*/ 6474347 h 6857967"/>
              <a:gd name="connsiteX228" fmla="*/ 912657 w 12191941"/>
              <a:gd name="connsiteY228" fmla="*/ 6474347 h 6857967"/>
              <a:gd name="connsiteX229" fmla="*/ 912657 w 12191941"/>
              <a:gd name="connsiteY229" fmla="*/ 6545648 h 6857967"/>
              <a:gd name="connsiteX230" fmla="*/ 983958 w 12191941"/>
              <a:gd name="connsiteY230" fmla="*/ 6545648 h 6857967"/>
              <a:gd name="connsiteX231" fmla="*/ 983958 w 12191941"/>
              <a:gd name="connsiteY231" fmla="*/ 6474347 h 6857967"/>
              <a:gd name="connsiteX232" fmla="*/ 771135 w 12191941"/>
              <a:gd name="connsiteY232" fmla="*/ 6474347 h 6857967"/>
              <a:gd name="connsiteX233" fmla="*/ 771135 w 12191941"/>
              <a:gd name="connsiteY233" fmla="*/ 6545648 h 6857967"/>
              <a:gd name="connsiteX234" fmla="*/ 842436 w 12191941"/>
              <a:gd name="connsiteY234" fmla="*/ 6545648 h 6857967"/>
              <a:gd name="connsiteX235" fmla="*/ 842436 w 12191941"/>
              <a:gd name="connsiteY235" fmla="*/ 6474347 h 6857967"/>
              <a:gd name="connsiteX236" fmla="*/ 628534 w 12191941"/>
              <a:gd name="connsiteY236" fmla="*/ 6474347 h 6857967"/>
              <a:gd name="connsiteX237" fmla="*/ 628534 w 12191941"/>
              <a:gd name="connsiteY237" fmla="*/ 6545648 h 6857967"/>
              <a:gd name="connsiteX238" fmla="*/ 699835 w 12191941"/>
              <a:gd name="connsiteY238" fmla="*/ 6545648 h 6857967"/>
              <a:gd name="connsiteX239" fmla="*/ 699835 w 12191941"/>
              <a:gd name="connsiteY239" fmla="*/ 6474347 h 6857967"/>
              <a:gd name="connsiteX240" fmla="*/ 485863 w 12191941"/>
              <a:gd name="connsiteY240" fmla="*/ 6474347 h 6857967"/>
              <a:gd name="connsiteX241" fmla="*/ 485863 w 12191941"/>
              <a:gd name="connsiteY241" fmla="*/ 6545648 h 6857967"/>
              <a:gd name="connsiteX242" fmla="*/ 557163 w 12191941"/>
              <a:gd name="connsiteY242" fmla="*/ 6545648 h 6857967"/>
              <a:gd name="connsiteX243" fmla="*/ 557163 w 12191941"/>
              <a:gd name="connsiteY243" fmla="*/ 6474347 h 6857967"/>
              <a:gd name="connsiteX244" fmla="*/ 343191 w 12191941"/>
              <a:gd name="connsiteY244" fmla="*/ 6474347 h 6857967"/>
              <a:gd name="connsiteX245" fmla="*/ 343191 w 12191941"/>
              <a:gd name="connsiteY245" fmla="*/ 6545648 h 6857967"/>
              <a:gd name="connsiteX246" fmla="*/ 414492 w 12191941"/>
              <a:gd name="connsiteY246" fmla="*/ 6545648 h 6857967"/>
              <a:gd name="connsiteX247" fmla="*/ 414492 w 12191941"/>
              <a:gd name="connsiteY247" fmla="*/ 6474347 h 6857967"/>
              <a:gd name="connsiteX248" fmla="*/ 200587 w 12191941"/>
              <a:gd name="connsiteY248" fmla="*/ 6474347 h 6857967"/>
              <a:gd name="connsiteX249" fmla="*/ 200587 w 12191941"/>
              <a:gd name="connsiteY249" fmla="*/ 6545648 h 6857967"/>
              <a:gd name="connsiteX250" fmla="*/ 271888 w 12191941"/>
              <a:gd name="connsiteY250" fmla="*/ 6545648 h 6857967"/>
              <a:gd name="connsiteX251" fmla="*/ 271888 w 12191941"/>
              <a:gd name="connsiteY251" fmla="*/ 6474347 h 6857967"/>
              <a:gd name="connsiteX252" fmla="*/ 57918 w 12191941"/>
              <a:gd name="connsiteY252" fmla="*/ 6474347 h 6857967"/>
              <a:gd name="connsiteX253" fmla="*/ 57918 w 12191941"/>
              <a:gd name="connsiteY253" fmla="*/ 6545648 h 6857967"/>
              <a:gd name="connsiteX254" fmla="*/ 129219 w 12191941"/>
              <a:gd name="connsiteY254" fmla="*/ 6545648 h 6857967"/>
              <a:gd name="connsiteX255" fmla="*/ 129219 w 12191941"/>
              <a:gd name="connsiteY255" fmla="*/ 6474347 h 6857967"/>
              <a:gd name="connsiteX256" fmla="*/ 10040665 w 12191941"/>
              <a:gd name="connsiteY256" fmla="*/ 6325709 h 6857967"/>
              <a:gd name="connsiteX257" fmla="*/ 10040665 w 12191941"/>
              <a:gd name="connsiteY257" fmla="*/ 6397010 h 6857967"/>
              <a:gd name="connsiteX258" fmla="*/ 10111966 w 12191941"/>
              <a:gd name="connsiteY258" fmla="*/ 6397010 h 6857967"/>
              <a:gd name="connsiteX259" fmla="*/ 10111966 w 12191941"/>
              <a:gd name="connsiteY259" fmla="*/ 6325709 h 6857967"/>
              <a:gd name="connsiteX260" fmla="*/ 9898063 w 12191941"/>
              <a:gd name="connsiteY260" fmla="*/ 6325709 h 6857967"/>
              <a:gd name="connsiteX261" fmla="*/ 9898063 w 12191941"/>
              <a:gd name="connsiteY261" fmla="*/ 6397010 h 6857967"/>
              <a:gd name="connsiteX262" fmla="*/ 9969363 w 12191941"/>
              <a:gd name="connsiteY262" fmla="*/ 6397010 h 6857967"/>
              <a:gd name="connsiteX263" fmla="*/ 9969363 w 12191941"/>
              <a:gd name="connsiteY263" fmla="*/ 6325709 h 6857967"/>
              <a:gd name="connsiteX264" fmla="*/ 9755391 w 12191941"/>
              <a:gd name="connsiteY264" fmla="*/ 6325709 h 6857967"/>
              <a:gd name="connsiteX265" fmla="*/ 9755391 w 12191941"/>
              <a:gd name="connsiteY265" fmla="*/ 6397010 h 6857967"/>
              <a:gd name="connsiteX266" fmla="*/ 9826692 w 12191941"/>
              <a:gd name="connsiteY266" fmla="*/ 6397010 h 6857967"/>
              <a:gd name="connsiteX267" fmla="*/ 9826692 w 12191941"/>
              <a:gd name="connsiteY267" fmla="*/ 6325709 h 6857967"/>
              <a:gd name="connsiteX268" fmla="*/ 9612718 w 12191941"/>
              <a:gd name="connsiteY268" fmla="*/ 6325709 h 6857967"/>
              <a:gd name="connsiteX269" fmla="*/ 9612718 w 12191941"/>
              <a:gd name="connsiteY269" fmla="*/ 6397010 h 6857967"/>
              <a:gd name="connsiteX270" fmla="*/ 9684019 w 12191941"/>
              <a:gd name="connsiteY270" fmla="*/ 6397010 h 6857967"/>
              <a:gd name="connsiteX271" fmla="*/ 9684019 w 12191941"/>
              <a:gd name="connsiteY271" fmla="*/ 6325709 h 6857967"/>
              <a:gd name="connsiteX272" fmla="*/ 9470117 w 12191941"/>
              <a:gd name="connsiteY272" fmla="*/ 6325709 h 6857967"/>
              <a:gd name="connsiteX273" fmla="*/ 9470117 w 12191941"/>
              <a:gd name="connsiteY273" fmla="*/ 6397010 h 6857967"/>
              <a:gd name="connsiteX274" fmla="*/ 9541417 w 12191941"/>
              <a:gd name="connsiteY274" fmla="*/ 6397010 h 6857967"/>
              <a:gd name="connsiteX275" fmla="*/ 9541417 w 12191941"/>
              <a:gd name="connsiteY275" fmla="*/ 6325709 h 6857967"/>
              <a:gd name="connsiteX276" fmla="*/ 9327444 w 12191941"/>
              <a:gd name="connsiteY276" fmla="*/ 6325709 h 6857967"/>
              <a:gd name="connsiteX277" fmla="*/ 9327444 w 12191941"/>
              <a:gd name="connsiteY277" fmla="*/ 6397010 h 6857967"/>
              <a:gd name="connsiteX278" fmla="*/ 9398745 w 12191941"/>
              <a:gd name="connsiteY278" fmla="*/ 6397010 h 6857967"/>
              <a:gd name="connsiteX279" fmla="*/ 9398745 w 12191941"/>
              <a:gd name="connsiteY279" fmla="*/ 6325709 h 6857967"/>
              <a:gd name="connsiteX280" fmla="*/ 9184842 w 12191941"/>
              <a:gd name="connsiteY280" fmla="*/ 6325709 h 6857967"/>
              <a:gd name="connsiteX281" fmla="*/ 9184842 w 12191941"/>
              <a:gd name="connsiteY281" fmla="*/ 6397010 h 6857967"/>
              <a:gd name="connsiteX282" fmla="*/ 9256143 w 12191941"/>
              <a:gd name="connsiteY282" fmla="*/ 6397010 h 6857967"/>
              <a:gd name="connsiteX283" fmla="*/ 9256143 w 12191941"/>
              <a:gd name="connsiteY283" fmla="*/ 6325709 h 6857967"/>
              <a:gd name="connsiteX284" fmla="*/ 9042170 w 12191941"/>
              <a:gd name="connsiteY284" fmla="*/ 6325709 h 6857967"/>
              <a:gd name="connsiteX285" fmla="*/ 9042170 w 12191941"/>
              <a:gd name="connsiteY285" fmla="*/ 6397010 h 6857967"/>
              <a:gd name="connsiteX286" fmla="*/ 9113471 w 12191941"/>
              <a:gd name="connsiteY286" fmla="*/ 6397010 h 6857967"/>
              <a:gd name="connsiteX287" fmla="*/ 9113471 w 12191941"/>
              <a:gd name="connsiteY287" fmla="*/ 6325709 h 6857967"/>
              <a:gd name="connsiteX288" fmla="*/ 8899568 w 12191941"/>
              <a:gd name="connsiteY288" fmla="*/ 6325709 h 6857967"/>
              <a:gd name="connsiteX289" fmla="*/ 8899568 w 12191941"/>
              <a:gd name="connsiteY289" fmla="*/ 6397010 h 6857967"/>
              <a:gd name="connsiteX290" fmla="*/ 8970869 w 12191941"/>
              <a:gd name="connsiteY290" fmla="*/ 6397010 h 6857967"/>
              <a:gd name="connsiteX291" fmla="*/ 8970869 w 12191941"/>
              <a:gd name="connsiteY291" fmla="*/ 6325709 h 6857967"/>
              <a:gd name="connsiteX292" fmla="*/ 8756896 w 12191941"/>
              <a:gd name="connsiteY292" fmla="*/ 6325709 h 6857967"/>
              <a:gd name="connsiteX293" fmla="*/ 8756896 w 12191941"/>
              <a:gd name="connsiteY293" fmla="*/ 6397010 h 6857967"/>
              <a:gd name="connsiteX294" fmla="*/ 8828196 w 12191941"/>
              <a:gd name="connsiteY294" fmla="*/ 6397010 h 6857967"/>
              <a:gd name="connsiteX295" fmla="*/ 8828196 w 12191941"/>
              <a:gd name="connsiteY295" fmla="*/ 6325709 h 6857967"/>
              <a:gd name="connsiteX296" fmla="*/ 8614223 w 12191941"/>
              <a:gd name="connsiteY296" fmla="*/ 6325709 h 6857967"/>
              <a:gd name="connsiteX297" fmla="*/ 8614223 w 12191941"/>
              <a:gd name="connsiteY297" fmla="*/ 6397010 h 6857967"/>
              <a:gd name="connsiteX298" fmla="*/ 8685524 w 12191941"/>
              <a:gd name="connsiteY298" fmla="*/ 6397010 h 6857967"/>
              <a:gd name="connsiteX299" fmla="*/ 8685524 w 12191941"/>
              <a:gd name="connsiteY299" fmla="*/ 6325709 h 6857967"/>
              <a:gd name="connsiteX300" fmla="*/ 8471622 w 12191941"/>
              <a:gd name="connsiteY300" fmla="*/ 6325709 h 6857967"/>
              <a:gd name="connsiteX301" fmla="*/ 8471622 w 12191941"/>
              <a:gd name="connsiteY301" fmla="*/ 6397010 h 6857967"/>
              <a:gd name="connsiteX302" fmla="*/ 8542923 w 12191941"/>
              <a:gd name="connsiteY302" fmla="*/ 6397010 h 6857967"/>
              <a:gd name="connsiteX303" fmla="*/ 8542923 w 12191941"/>
              <a:gd name="connsiteY303" fmla="*/ 6325709 h 6857967"/>
              <a:gd name="connsiteX304" fmla="*/ 8328949 w 12191941"/>
              <a:gd name="connsiteY304" fmla="*/ 6325709 h 6857967"/>
              <a:gd name="connsiteX305" fmla="*/ 8328949 w 12191941"/>
              <a:gd name="connsiteY305" fmla="*/ 6397010 h 6857967"/>
              <a:gd name="connsiteX306" fmla="*/ 8400250 w 12191941"/>
              <a:gd name="connsiteY306" fmla="*/ 6397010 h 6857967"/>
              <a:gd name="connsiteX307" fmla="*/ 8400250 w 12191941"/>
              <a:gd name="connsiteY307" fmla="*/ 6325709 h 6857967"/>
              <a:gd name="connsiteX308" fmla="*/ 8186348 w 12191941"/>
              <a:gd name="connsiteY308" fmla="*/ 6325709 h 6857967"/>
              <a:gd name="connsiteX309" fmla="*/ 8186348 w 12191941"/>
              <a:gd name="connsiteY309" fmla="*/ 6397010 h 6857967"/>
              <a:gd name="connsiteX310" fmla="*/ 8257649 w 12191941"/>
              <a:gd name="connsiteY310" fmla="*/ 6397010 h 6857967"/>
              <a:gd name="connsiteX311" fmla="*/ 8257649 w 12191941"/>
              <a:gd name="connsiteY311" fmla="*/ 6325709 h 6857967"/>
              <a:gd name="connsiteX312" fmla="*/ 8043675 w 12191941"/>
              <a:gd name="connsiteY312" fmla="*/ 6325709 h 6857967"/>
              <a:gd name="connsiteX313" fmla="*/ 8043675 w 12191941"/>
              <a:gd name="connsiteY313" fmla="*/ 6397010 h 6857967"/>
              <a:gd name="connsiteX314" fmla="*/ 8114976 w 12191941"/>
              <a:gd name="connsiteY314" fmla="*/ 6397010 h 6857967"/>
              <a:gd name="connsiteX315" fmla="*/ 8114976 w 12191941"/>
              <a:gd name="connsiteY315" fmla="*/ 6325709 h 6857967"/>
              <a:gd name="connsiteX316" fmla="*/ 7901003 w 12191941"/>
              <a:gd name="connsiteY316" fmla="*/ 6325709 h 6857967"/>
              <a:gd name="connsiteX317" fmla="*/ 7901003 w 12191941"/>
              <a:gd name="connsiteY317" fmla="*/ 6397010 h 6857967"/>
              <a:gd name="connsiteX318" fmla="*/ 7972304 w 12191941"/>
              <a:gd name="connsiteY318" fmla="*/ 6397010 h 6857967"/>
              <a:gd name="connsiteX319" fmla="*/ 7972304 w 12191941"/>
              <a:gd name="connsiteY319" fmla="*/ 6325709 h 6857967"/>
              <a:gd name="connsiteX320" fmla="*/ 7758401 w 12191941"/>
              <a:gd name="connsiteY320" fmla="*/ 6325709 h 6857967"/>
              <a:gd name="connsiteX321" fmla="*/ 7758401 w 12191941"/>
              <a:gd name="connsiteY321" fmla="*/ 6397010 h 6857967"/>
              <a:gd name="connsiteX322" fmla="*/ 7829702 w 12191941"/>
              <a:gd name="connsiteY322" fmla="*/ 6397010 h 6857967"/>
              <a:gd name="connsiteX323" fmla="*/ 7829702 w 12191941"/>
              <a:gd name="connsiteY323" fmla="*/ 6325709 h 6857967"/>
              <a:gd name="connsiteX324" fmla="*/ 7615728 w 12191941"/>
              <a:gd name="connsiteY324" fmla="*/ 6325709 h 6857967"/>
              <a:gd name="connsiteX325" fmla="*/ 7615728 w 12191941"/>
              <a:gd name="connsiteY325" fmla="*/ 6397010 h 6857967"/>
              <a:gd name="connsiteX326" fmla="*/ 7687029 w 12191941"/>
              <a:gd name="connsiteY326" fmla="*/ 6397010 h 6857967"/>
              <a:gd name="connsiteX327" fmla="*/ 7687029 w 12191941"/>
              <a:gd name="connsiteY327" fmla="*/ 6325709 h 6857967"/>
              <a:gd name="connsiteX328" fmla="*/ 7473127 w 12191941"/>
              <a:gd name="connsiteY328" fmla="*/ 6325709 h 6857967"/>
              <a:gd name="connsiteX329" fmla="*/ 7473127 w 12191941"/>
              <a:gd name="connsiteY329" fmla="*/ 6397010 h 6857967"/>
              <a:gd name="connsiteX330" fmla="*/ 7544428 w 12191941"/>
              <a:gd name="connsiteY330" fmla="*/ 6397010 h 6857967"/>
              <a:gd name="connsiteX331" fmla="*/ 7544428 w 12191941"/>
              <a:gd name="connsiteY331" fmla="*/ 6325709 h 6857967"/>
              <a:gd name="connsiteX332" fmla="*/ 7330454 w 12191941"/>
              <a:gd name="connsiteY332" fmla="*/ 6325709 h 6857967"/>
              <a:gd name="connsiteX333" fmla="*/ 7330454 w 12191941"/>
              <a:gd name="connsiteY333" fmla="*/ 6397010 h 6857967"/>
              <a:gd name="connsiteX334" fmla="*/ 7401755 w 12191941"/>
              <a:gd name="connsiteY334" fmla="*/ 6397010 h 6857967"/>
              <a:gd name="connsiteX335" fmla="*/ 7401755 w 12191941"/>
              <a:gd name="connsiteY335" fmla="*/ 6325709 h 6857967"/>
              <a:gd name="connsiteX336" fmla="*/ 7187853 w 12191941"/>
              <a:gd name="connsiteY336" fmla="*/ 6325709 h 6857967"/>
              <a:gd name="connsiteX337" fmla="*/ 7187853 w 12191941"/>
              <a:gd name="connsiteY337" fmla="*/ 6397010 h 6857967"/>
              <a:gd name="connsiteX338" fmla="*/ 7259154 w 12191941"/>
              <a:gd name="connsiteY338" fmla="*/ 6397010 h 6857967"/>
              <a:gd name="connsiteX339" fmla="*/ 7259154 w 12191941"/>
              <a:gd name="connsiteY339" fmla="*/ 6325709 h 6857967"/>
              <a:gd name="connsiteX340" fmla="*/ 7045180 w 12191941"/>
              <a:gd name="connsiteY340" fmla="*/ 6325709 h 6857967"/>
              <a:gd name="connsiteX341" fmla="*/ 7045180 w 12191941"/>
              <a:gd name="connsiteY341" fmla="*/ 6397010 h 6857967"/>
              <a:gd name="connsiteX342" fmla="*/ 7116481 w 12191941"/>
              <a:gd name="connsiteY342" fmla="*/ 6397010 h 6857967"/>
              <a:gd name="connsiteX343" fmla="*/ 7116481 w 12191941"/>
              <a:gd name="connsiteY343" fmla="*/ 6325709 h 6857967"/>
              <a:gd name="connsiteX344" fmla="*/ 6902579 w 12191941"/>
              <a:gd name="connsiteY344" fmla="*/ 6325709 h 6857967"/>
              <a:gd name="connsiteX345" fmla="*/ 6902579 w 12191941"/>
              <a:gd name="connsiteY345" fmla="*/ 6397010 h 6857967"/>
              <a:gd name="connsiteX346" fmla="*/ 6973880 w 12191941"/>
              <a:gd name="connsiteY346" fmla="*/ 6397010 h 6857967"/>
              <a:gd name="connsiteX347" fmla="*/ 6973880 w 12191941"/>
              <a:gd name="connsiteY347" fmla="*/ 6325709 h 6857967"/>
              <a:gd name="connsiteX348" fmla="*/ 6759906 w 12191941"/>
              <a:gd name="connsiteY348" fmla="*/ 6325709 h 6857967"/>
              <a:gd name="connsiteX349" fmla="*/ 6759906 w 12191941"/>
              <a:gd name="connsiteY349" fmla="*/ 6397010 h 6857967"/>
              <a:gd name="connsiteX350" fmla="*/ 6831207 w 12191941"/>
              <a:gd name="connsiteY350" fmla="*/ 6397010 h 6857967"/>
              <a:gd name="connsiteX351" fmla="*/ 6831207 w 12191941"/>
              <a:gd name="connsiteY351" fmla="*/ 6325709 h 6857967"/>
              <a:gd name="connsiteX352" fmla="*/ 6617234 w 12191941"/>
              <a:gd name="connsiteY352" fmla="*/ 6325709 h 6857967"/>
              <a:gd name="connsiteX353" fmla="*/ 6617234 w 12191941"/>
              <a:gd name="connsiteY353" fmla="*/ 6397010 h 6857967"/>
              <a:gd name="connsiteX354" fmla="*/ 6688535 w 12191941"/>
              <a:gd name="connsiteY354" fmla="*/ 6397010 h 6857967"/>
              <a:gd name="connsiteX355" fmla="*/ 6688535 w 12191941"/>
              <a:gd name="connsiteY355" fmla="*/ 6325709 h 6857967"/>
              <a:gd name="connsiteX356" fmla="*/ 6474632 w 12191941"/>
              <a:gd name="connsiteY356" fmla="*/ 6325709 h 6857967"/>
              <a:gd name="connsiteX357" fmla="*/ 6474632 w 12191941"/>
              <a:gd name="connsiteY357" fmla="*/ 6397010 h 6857967"/>
              <a:gd name="connsiteX358" fmla="*/ 6545933 w 12191941"/>
              <a:gd name="connsiteY358" fmla="*/ 6397010 h 6857967"/>
              <a:gd name="connsiteX359" fmla="*/ 6545933 w 12191941"/>
              <a:gd name="connsiteY359" fmla="*/ 6325709 h 6857967"/>
              <a:gd name="connsiteX360" fmla="*/ 6331959 w 12191941"/>
              <a:gd name="connsiteY360" fmla="*/ 6325709 h 6857967"/>
              <a:gd name="connsiteX361" fmla="*/ 6331959 w 12191941"/>
              <a:gd name="connsiteY361" fmla="*/ 6397010 h 6857967"/>
              <a:gd name="connsiteX362" fmla="*/ 6403260 w 12191941"/>
              <a:gd name="connsiteY362" fmla="*/ 6397010 h 6857967"/>
              <a:gd name="connsiteX363" fmla="*/ 6403260 w 12191941"/>
              <a:gd name="connsiteY363" fmla="*/ 6325709 h 6857967"/>
              <a:gd name="connsiteX364" fmla="*/ 6189358 w 12191941"/>
              <a:gd name="connsiteY364" fmla="*/ 6325709 h 6857967"/>
              <a:gd name="connsiteX365" fmla="*/ 6189358 w 12191941"/>
              <a:gd name="connsiteY365" fmla="*/ 6397010 h 6857967"/>
              <a:gd name="connsiteX366" fmla="*/ 6260659 w 12191941"/>
              <a:gd name="connsiteY366" fmla="*/ 6397010 h 6857967"/>
              <a:gd name="connsiteX367" fmla="*/ 6260659 w 12191941"/>
              <a:gd name="connsiteY367" fmla="*/ 6325709 h 6857967"/>
              <a:gd name="connsiteX368" fmla="*/ 6046689 w 12191941"/>
              <a:gd name="connsiteY368" fmla="*/ 6325709 h 6857967"/>
              <a:gd name="connsiteX369" fmla="*/ 6046689 w 12191941"/>
              <a:gd name="connsiteY369" fmla="*/ 6397010 h 6857967"/>
              <a:gd name="connsiteX370" fmla="*/ 6117986 w 12191941"/>
              <a:gd name="connsiteY370" fmla="*/ 6397010 h 6857967"/>
              <a:gd name="connsiteX371" fmla="*/ 6117986 w 12191941"/>
              <a:gd name="connsiteY371" fmla="*/ 6325709 h 6857967"/>
              <a:gd name="connsiteX372" fmla="*/ 5904022 w 12191941"/>
              <a:gd name="connsiteY372" fmla="*/ 6325709 h 6857967"/>
              <a:gd name="connsiteX373" fmla="*/ 5904022 w 12191941"/>
              <a:gd name="connsiteY373" fmla="*/ 6397010 h 6857967"/>
              <a:gd name="connsiteX374" fmla="*/ 5975319 w 12191941"/>
              <a:gd name="connsiteY374" fmla="*/ 6397010 h 6857967"/>
              <a:gd name="connsiteX375" fmla="*/ 5975319 w 12191941"/>
              <a:gd name="connsiteY375" fmla="*/ 6325709 h 6857967"/>
              <a:gd name="connsiteX376" fmla="*/ 5761426 w 12191941"/>
              <a:gd name="connsiteY376" fmla="*/ 6325709 h 6857967"/>
              <a:gd name="connsiteX377" fmla="*/ 5761426 w 12191941"/>
              <a:gd name="connsiteY377" fmla="*/ 6397010 h 6857967"/>
              <a:gd name="connsiteX378" fmla="*/ 5832724 w 12191941"/>
              <a:gd name="connsiteY378" fmla="*/ 6397010 h 6857967"/>
              <a:gd name="connsiteX379" fmla="*/ 5832724 w 12191941"/>
              <a:gd name="connsiteY379" fmla="*/ 6325709 h 6857967"/>
              <a:gd name="connsiteX380" fmla="*/ 5618761 w 12191941"/>
              <a:gd name="connsiteY380" fmla="*/ 6325709 h 6857967"/>
              <a:gd name="connsiteX381" fmla="*/ 5618761 w 12191941"/>
              <a:gd name="connsiteY381" fmla="*/ 6397010 h 6857967"/>
              <a:gd name="connsiteX382" fmla="*/ 5690059 w 12191941"/>
              <a:gd name="connsiteY382" fmla="*/ 6397010 h 6857967"/>
              <a:gd name="connsiteX383" fmla="*/ 5690059 w 12191941"/>
              <a:gd name="connsiteY383" fmla="*/ 6325709 h 6857967"/>
              <a:gd name="connsiteX384" fmla="*/ 5476167 w 12191941"/>
              <a:gd name="connsiteY384" fmla="*/ 6325709 h 6857967"/>
              <a:gd name="connsiteX385" fmla="*/ 5476167 w 12191941"/>
              <a:gd name="connsiteY385" fmla="*/ 6397010 h 6857967"/>
              <a:gd name="connsiteX386" fmla="*/ 5547465 w 12191941"/>
              <a:gd name="connsiteY386" fmla="*/ 6397010 h 6857967"/>
              <a:gd name="connsiteX387" fmla="*/ 5547465 w 12191941"/>
              <a:gd name="connsiteY387" fmla="*/ 6325709 h 6857967"/>
              <a:gd name="connsiteX388" fmla="*/ 5333500 w 12191941"/>
              <a:gd name="connsiteY388" fmla="*/ 6325709 h 6857967"/>
              <a:gd name="connsiteX389" fmla="*/ 5333500 w 12191941"/>
              <a:gd name="connsiteY389" fmla="*/ 6397010 h 6857967"/>
              <a:gd name="connsiteX390" fmla="*/ 5404799 w 12191941"/>
              <a:gd name="connsiteY390" fmla="*/ 6397010 h 6857967"/>
              <a:gd name="connsiteX391" fmla="*/ 5404799 w 12191941"/>
              <a:gd name="connsiteY391" fmla="*/ 6325709 h 6857967"/>
              <a:gd name="connsiteX392" fmla="*/ 5190877 w 12191941"/>
              <a:gd name="connsiteY392" fmla="*/ 6325709 h 6857967"/>
              <a:gd name="connsiteX393" fmla="*/ 5190877 w 12191941"/>
              <a:gd name="connsiteY393" fmla="*/ 6397010 h 6857967"/>
              <a:gd name="connsiteX394" fmla="*/ 5262188 w 12191941"/>
              <a:gd name="connsiteY394" fmla="*/ 6397010 h 6857967"/>
              <a:gd name="connsiteX395" fmla="*/ 5262188 w 12191941"/>
              <a:gd name="connsiteY395" fmla="*/ 6325709 h 6857967"/>
              <a:gd name="connsiteX396" fmla="*/ 5048236 w 12191941"/>
              <a:gd name="connsiteY396" fmla="*/ 6325709 h 6857967"/>
              <a:gd name="connsiteX397" fmla="*/ 5048236 w 12191941"/>
              <a:gd name="connsiteY397" fmla="*/ 6397010 h 6857967"/>
              <a:gd name="connsiteX398" fmla="*/ 5119527 w 12191941"/>
              <a:gd name="connsiteY398" fmla="*/ 6397010 h 6857967"/>
              <a:gd name="connsiteX399" fmla="*/ 5119527 w 12191941"/>
              <a:gd name="connsiteY399" fmla="*/ 6325709 h 6857967"/>
              <a:gd name="connsiteX400" fmla="*/ 4906607 w 12191941"/>
              <a:gd name="connsiteY400" fmla="*/ 6325709 h 6857967"/>
              <a:gd name="connsiteX401" fmla="*/ 4906607 w 12191941"/>
              <a:gd name="connsiteY401" fmla="*/ 6397010 h 6857967"/>
              <a:gd name="connsiteX402" fmla="*/ 4977916 w 12191941"/>
              <a:gd name="connsiteY402" fmla="*/ 6397010 h 6857967"/>
              <a:gd name="connsiteX403" fmla="*/ 4977916 w 12191941"/>
              <a:gd name="connsiteY403" fmla="*/ 6325709 h 6857967"/>
              <a:gd name="connsiteX404" fmla="*/ 4764013 w 12191941"/>
              <a:gd name="connsiteY404" fmla="*/ 6325709 h 6857967"/>
              <a:gd name="connsiteX405" fmla="*/ 4764013 w 12191941"/>
              <a:gd name="connsiteY405" fmla="*/ 6397010 h 6857967"/>
              <a:gd name="connsiteX406" fmla="*/ 4835311 w 12191941"/>
              <a:gd name="connsiteY406" fmla="*/ 6397010 h 6857967"/>
              <a:gd name="connsiteX407" fmla="*/ 4835311 w 12191941"/>
              <a:gd name="connsiteY407" fmla="*/ 6325709 h 6857967"/>
              <a:gd name="connsiteX408" fmla="*/ 4621341 w 12191941"/>
              <a:gd name="connsiteY408" fmla="*/ 6325709 h 6857967"/>
              <a:gd name="connsiteX409" fmla="*/ 4621341 w 12191941"/>
              <a:gd name="connsiteY409" fmla="*/ 6397010 h 6857967"/>
              <a:gd name="connsiteX410" fmla="*/ 4692639 w 12191941"/>
              <a:gd name="connsiteY410" fmla="*/ 6397010 h 6857967"/>
              <a:gd name="connsiteX411" fmla="*/ 4692639 w 12191941"/>
              <a:gd name="connsiteY411" fmla="*/ 6325709 h 6857967"/>
              <a:gd name="connsiteX412" fmla="*/ 4478666 w 12191941"/>
              <a:gd name="connsiteY412" fmla="*/ 6325709 h 6857967"/>
              <a:gd name="connsiteX413" fmla="*/ 4478666 w 12191941"/>
              <a:gd name="connsiteY413" fmla="*/ 6397010 h 6857967"/>
              <a:gd name="connsiteX414" fmla="*/ 4549969 w 12191941"/>
              <a:gd name="connsiteY414" fmla="*/ 6397010 h 6857967"/>
              <a:gd name="connsiteX415" fmla="*/ 4549969 w 12191941"/>
              <a:gd name="connsiteY415" fmla="*/ 6325709 h 6857967"/>
              <a:gd name="connsiteX416" fmla="*/ 4336067 w 12191941"/>
              <a:gd name="connsiteY416" fmla="*/ 6325709 h 6857967"/>
              <a:gd name="connsiteX417" fmla="*/ 4336067 w 12191941"/>
              <a:gd name="connsiteY417" fmla="*/ 6397010 h 6857967"/>
              <a:gd name="connsiteX418" fmla="*/ 4407366 w 12191941"/>
              <a:gd name="connsiteY418" fmla="*/ 6397010 h 6857967"/>
              <a:gd name="connsiteX419" fmla="*/ 4407366 w 12191941"/>
              <a:gd name="connsiteY419" fmla="*/ 6325709 h 6857967"/>
              <a:gd name="connsiteX420" fmla="*/ 4193413 w 12191941"/>
              <a:gd name="connsiteY420" fmla="*/ 6325709 h 6857967"/>
              <a:gd name="connsiteX421" fmla="*/ 4193413 w 12191941"/>
              <a:gd name="connsiteY421" fmla="*/ 6397010 h 6857967"/>
              <a:gd name="connsiteX422" fmla="*/ 4264695 w 12191941"/>
              <a:gd name="connsiteY422" fmla="*/ 6397010 h 6857967"/>
              <a:gd name="connsiteX423" fmla="*/ 4264695 w 12191941"/>
              <a:gd name="connsiteY423" fmla="*/ 6325709 h 6857967"/>
              <a:gd name="connsiteX424" fmla="*/ 4050810 w 12191941"/>
              <a:gd name="connsiteY424" fmla="*/ 6325709 h 6857967"/>
              <a:gd name="connsiteX425" fmla="*/ 4050810 w 12191941"/>
              <a:gd name="connsiteY425" fmla="*/ 6397010 h 6857967"/>
              <a:gd name="connsiteX426" fmla="*/ 4122113 w 12191941"/>
              <a:gd name="connsiteY426" fmla="*/ 6397010 h 6857967"/>
              <a:gd name="connsiteX427" fmla="*/ 4122113 w 12191941"/>
              <a:gd name="connsiteY427" fmla="*/ 6325709 h 6857967"/>
              <a:gd name="connsiteX428" fmla="*/ 3908136 w 12191941"/>
              <a:gd name="connsiteY428" fmla="*/ 6325709 h 6857967"/>
              <a:gd name="connsiteX429" fmla="*/ 3908136 w 12191941"/>
              <a:gd name="connsiteY429" fmla="*/ 6397010 h 6857967"/>
              <a:gd name="connsiteX430" fmla="*/ 3979438 w 12191941"/>
              <a:gd name="connsiteY430" fmla="*/ 6397010 h 6857967"/>
              <a:gd name="connsiteX431" fmla="*/ 3979438 w 12191941"/>
              <a:gd name="connsiteY431" fmla="*/ 6325709 h 6857967"/>
              <a:gd name="connsiteX432" fmla="*/ 3765462 w 12191941"/>
              <a:gd name="connsiteY432" fmla="*/ 6325709 h 6857967"/>
              <a:gd name="connsiteX433" fmla="*/ 3765462 w 12191941"/>
              <a:gd name="connsiteY433" fmla="*/ 6397010 h 6857967"/>
              <a:gd name="connsiteX434" fmla="*/ 3836763 w 12191941"/>
              <a:gd name="connsiteY434" fmla="*/ 6397010 h 6857967"/>
              <a:gd name="connsiteX435" fmla="*/ 3836763 w 12191941"/>
              <a:gd name="connsiteY435" fmla="*/ 6325709 h 6857967"/>
              <a:gd name="connsiteX436" fmla="*/ 3622851 w 12191941"/>
              <a:gd name="connsiteY436" fmla="*/ 6325709 h 6857967"/>
              <a:gd name="connsiteX437" fmla="*/ 3622851 w 12191941"/>
              <a:gd name="connsiteY437" fmla="*/ 6397010 h 6857967"/>
              <a:gd name="connsiteX438" fmla="*/ 3694151 w 12191941"/>
              <a:gd name="connsiteY438" fmla="*/ 6397010 h 6857967"/>
              <a:gd name="connsiteX439" fmla="*/ 3694151 w 12191941"/>
              <a:gd name="connsiteY439" fmla="*/ 6325709 h 6857967"/>
              <a:gd name="connsiteX440" fmla="*/ 3480203 w 12191941"/>
              <a:gd name="connsiteY440" fmla="*/ 6325709 h 6857967"/>
              <a:gd name="connsiteX441" fmla="*/ 3480203 w 12191941"/>
              <a:gd name="connsiteY441" fmla="*/ 6397010 h 6857967"/>
              <a:gd name="connsiteX442" fmla="*/ 3551509 w 12191941"/>
              <a:gd name="connsiteY442" fmla="*/ 6397010 h 6857967"/>
              <a:gd name="connsiteX443" fmla="*/ 3551509 w 12191941"/>
              <a:gd name="connsiteY443" fmla="*/ 6325709 h 6857967"/>
              <a:gd name="connsiteX444" fmla="*/ 3337580 w 12191941"/>
              <a:gd name="connsiteY444" fmla="*/ 6325709 h 6857967"/>
              <a:gd name="connsiteX445" fmla="*/ 3337580 w 12191941"/>
              <a:gd name="connsiteY445" fmla="*/ 6397010 h 6857967"/>
              <a:gd name="connsiteX446" fmla="*/ 3408881 w 12191941"/>
              <a:gd name="connsiteY446" fmla="*/ 6397010 h 6857967"/>
              <a:gd name="connsiteX447" fmla="*/ 3408881 w 12191941"/>
              <a:gd name="connsiteY447" fmla="*/ 6325709 h 6857967"/>
              <a:gd name="connsiteX448" fmla="*/ 3194905 w 12191941"/>
              <a:gd name="connsiteY448" fmla="*/ 6325709 h 6857967"/>
              <a:gd name="connsiteX449" fmla="*/ 3194905 w 12191941"/>
              <a:gd name="connsiteY449" fmla="*/ 6397010 h 6857967"/>
              <a:gd name="connsiteX450" fmla="*/ 3266208 w 12191941"/>
              <a:gd name="connsiteY450" fmla="*/ 6397010 h 6857967"/>
              <a:gd name="connsiteX451" fmla="*/ 3266208 w 12191941"/>
              <a:gd name="connsiteY451" fmla="*/ 6325709 h 6857967"/>
              <a:gd name="connsiteX452" fmla="*/ 3052305 w 12191941"/>
              <a:gd name="connsiteY452" fmla="*/ 6325709 h 6857967"/>
              <a:gd name="connsiteX453" fmla="*/ 3052305 w 12191941"/>
              <a:gd name="connsiteY453" fmla="*/ 6397010 h 6857967"/>
              <a:gd name="connsiteX454" fmla="*/ 3123607 w 12191941"/>
              <a:gd name="connsiteY454" fmla="*/ 6397010 h 6857967"/>
              <a:gd name="connsiteX455" fmla="*/ 3123607 w 12191941"/>
              <a:gd name="connsiteY455" fmla="*/ 6325709 h 6857967"/>
              <a:gd name="connsiteX456" fmla="*/ 2909633 w 12191941"/>
              <a:gd name="connsiteY456" fmla="*/ 6325709 h 6857967"/>
              <a:gd name="connsiteX457" fmla="*/ 2909633 w 12191941"/>
              <a:gd name="connsiteY457" fmla="*/ 6397010 h 6857967"/>
              <a:gd name="connsiteX458" fmla="*/ 2980934 w 12191941"/>
              <a:gd name="connsiteY458" fmla="*/ 6397010 h 6857967"/>
              <a:gd name="connsiteX459" fmla="*/ 2980934 w 12191941"/>
              <a:gd name="connsiteY459" fmla="*/ 6325709 h 6857967"/>
              <a:gd name="connsiteX460" fmla="*/ 2767033 w 12191941"/>
              <a:gd name="connsiteY460" fmla="*/ 6325709 h 6857967"/>
              <a:gd name="connsiteX461" fmla="*/ 2767033 w 12191941"/>
              <a:gd name="connsiteY461" fmla="*/ 6397010 h 6857967"/>
              <a:gd name="connsiteX462" fmla="*/ 2838334 w 12191941"/>
              <a:gd name="connsiteY462" fmla="*/ 6397010 h 6857967"/>
              <a:gd name="connsiteX463" fmla="*/ 2838334 w 12191941"/>
              <a:gd name="connsiteY463" fmla="*/ 6325709 h 6857967"/>
              <a:gd name="connsiteX464" fmla="*/ 2624361 w 12191941"/>
              <a:gd name="connsiteY464" fmla="*/ 6325709 h 6857967"/>
              <a:gd name="connsiteX465" fmla="*/ 2624361 w 12191941"/>
              <a:gd name="connsiteY465" fmla="*/ 6397010 h 6857967"/>
              <a:gd name="connsiteX466" fmla="*/ 2695661 w 12191941"/>
              <a:gd name="connsiteY466" fmla="*/ 6397010 h 6857967"/>
              <a:gd name="connsiteX467" fmla="*/ 2695661 w 12191941"/>
              <a:gd name="connsiteY467" fmla="*/ 6325709 h 6857967"/>
              <a:gd name="connsiteX468" fmla="*/ 2481690 w 12191941"/>
              <a:gd name="connsiteY468" fmla="*/ 6325709 h 6857967"/>
              <a:gd name="connsiteX469" fmla="*/ 2481690 w 12191941"/>
              <a:gd name="connsiteY469" fmla="*/ 6397010 h 6857967"/>
              <a:gd name="connsiteX470" fmla="*/ 2552991 w 12191941"/>
              <a:gd name="connsiteY470" fmla="*/ 6397010 h 6857967"/>
              <a:gd name="connsiteX471" fmla="*/ 2552991 w 12191941"/>
              <a:gd name="connsiteY471" fmla="*/ 6325709 h 6857967"/>
              <a:gd name="connsiteX472" fmla="*/ 2339091 w 12191941"/>
              <a:gd name="connsiteY472" fmla="*/ 6325709 h 6857967"/>
              <a:gd name="connsiteX473" fmla="*/ 2339091 w 12191941"/>
              <a:gd name="connsiteY473" fmla="*/ 6397010 h 6857967"/>
              <a:gd name="connsiteX474" fmla="*/ 2410390 w 12191941"/>
              <a:gd name="connsiteY474" fmla="*/ 6397010 h 6857967"/>
              <a:gd name="connsiteX475" fmla="*/ 2410390 w 12191941"/>
              <a:gd name="connsiteY475" fmla="*/ 6325709 h 6857967"/>
              <a:gd name="connsiteX476" fmla="*/ 2196420 w 12191941"/>
              <a:gd name="connsiteY476" fmla="*/ 6325709 h 6857967"/>
              <a:gd name="connsiteX477" fmla="*/ 2196420 w 12191941"/>
              <a:gd name="connsiteY477" fmla="*/ 6397010 h 6857967"/>
              <a:gd name="connsiteX478" fmla="*/ 2267720 w 12191941"/>
              <a:gd name="connsiteY478" fmla="*/ 6397010 h 6857967"/>
              <a:gd name="connsiteX479" fmla="*/ 2267720 w 12191941"/>
              <a:gd name="connsiteY479" fmla="*/ 6325709 h 6857967"/>
              <a:gd name="connsiteX480" fmla="*/ 2053813 w 12191941"/>
              <a:gd name="connsiteY480" fmla="*/ 6325709 h 6857967"/>
              <a:gd name="connsiteX481" fmla="*/ 2053813 w 12191941"/>
              <a:gd name="connsiteY481" fmla="*/ 6397010 h 6857967"/>
              <a:gd name="connsiteX482" fmla="*/ 2125117 w 12191941"/>
              <a:gd name="connsiteY482" fmla="*/ 6397010 h 6857967"/>
              <a:gd name="connsiteX483" fmla="*/ 2125117 w 12191941"/>
              <a:gd name="connsiteY483" fmla="*/ 6325709 h 6857967"/>
              <a:gd name="connsiteX484" fmla="*/ 1911141 w 12191941"/>
              <a:gd name="connsiteY484" fmla="*/ 6325709 h 6857967"/>
              <a:gd name="connsiteX485" fmla="*/ 1911141 w 12191941"/>
              <a:gd name="connsiteY485" fmla="*/ 6397010 h 6857967"/>
              <a:gd name="connsiteX486" fmla="*/ 1982442 w 12191941"/>
              <a:gd name="connsiteY486" fmla="*/ 6397010 h 6857967"/>
              <a:gd name="connsiteX487" fmla="*/ 1982442 w 12191941"/>
              <a:gd name="connsiteY487" fmla="*/ 6325709 h 6857967"/>
              <a:gd name="connsiteX488" fmla="*/ 1768470 w 12191941"/>
              <a:gd name="connsiteY488" fmla="*/ 6325709 h 6857967"/>
              <a:gd name="connsiteX489" fmla="*/ 1768470 w 12191941"/>
              <a:gd name="connsiteY489" fmla="*/ 6397010 h 6857967"/>
              <a:gd name="connsiteX490" fmla="*/ 1839771 w 12191941"/>
              <a:gd name="connsiteY490" fmla="*/ 6397010 h 6857967"/>
              <a:gd name="connsiteX491" fmla="*/ 1839771 w 12191941"/>
              <a:gd name="connsiteY491" fmla="*/ 6325709 h 6857967"/>
              <a:gd name="connsiteX492" fmla="*/ 1625870 w 12191941"/>
              <a:gd name="connsiteY492" fmla="*/ 6325709 h 6857967"/>
              <a:gd name="connsiteX493" fmla="*/ 1625870 w 12191941"/>
              <a:gd name="connsiteY493" fmla="*/ 6397010 h 6857967"/>
              <a:gd name="connsiteX494" fmla="*/ 1697170 w 12191941"/>
              <a:gd name="connsiteY494" fmla="*/ 6397010 h 6857967"/>
              <a:gd name="connsiteX495" fmla="*/ 1697170 w 12191941"/>
              <a:gd name="connsiteY495" fmla="*/ 6325709 h 6857967"/>
              <a:gd name="connsiteX496" fmla="*/ 1483199 w 12191941"/>
              <a:gd name="connsiteY496" fmla="*/ 6325709 h 6857967"/>
              <a:gd name="connsiteX497" fmla="*/ 1483199 w 12191941"/>
              <a:gd name="connsiteY497" fmla="*/ 6397010 h 6857967"/>
              <a:gd name="connsiteX498" fmla="*/ 1554500 w 12191941"/>
              <a:gd name="connsiteY498" fmla="*/ 6397010 h 6857967"/>
              <a:gd name="connsiteX499" fmla="*/ 1554500 w 12191941"/>
              <a:gd name="connsiteY499" fmla="*/ 6325709 h 6857967"/>
              <a:gd name="connsiteX500" fmla="*/ 1340599 w 12191941"/>
              <a:gd name="connsiteY500" fmla="*/ 6325709 h 6857967"/>
              <a:gd name="connsiteX501" fmla="*/ 1340599 w 12191941"/>
              <a:gd name="connsiteY501" fmla="*/ 6397010 h 6857967"/>
              <a:gd name="connsiteX502" fmla="*/ 1411899 w 12191941"/>
              <a:gd name="connsiteY502" fmla="*/ 6397010 h 6857967"/>
              <a:gd name="connsiteX503" fmla="*/ 1411899 w 12191941"/>
              <a:gd name="connsiteY503" fmla="*/ 6325709 h 6857967"/>
              <a:gd name="connsiteX504" fmla="*/ 1197929 w 12191941"/>
              <a:gd name="connsiteY504" fmla="*/ 6325709 h 6857967"/>
              <a:gd name="connsiteX505" fmla="*/ 1197929 w 12191941"/>
              <a:gd name="connsiteY505" fmla="*/ 6397010 h 6857967"/>
              <a:gd name="connsiteX506" fmla="*/ 1269230 w 12191941"/>
              <a:gd name="connsiteY506" fmla="*/ 6397010 h 6857967"/>
              <a:gd name="connsiteX507" fmla="*/ 1269230 w 12191941"/>
              <a:gd name="connsiteY507" fmla="*/ 6325709 h 6857967"/>
              <a:gd name="connsiteX508" fmla="*/ 1055311 w 12191941"/>
              <a:gd name="connsiteY508" fmla="*/ 6325709 h 6857967"/>
              <a:gd name="connsiteX509" fmla="*/ 1055311 w 12191941"/>
              <a:gd name="connsiteY509" fmla="*/ 6397010 h 6857967"/>
              <a:gd name="connsiteX510" fmla="*/ 1126612 w 12191941"/>
              <a:gd name="connsiteY510" fmla="*/ 6397010 h 6857967"/>
              <a:gd name="connsiteX511" fmla="*/ 1126612 w 12191941"/>
              <a:gd name="connsiteY511" fmla="*/ 6325709 h 6857967"/>
              <a:gd name="connsiteX512" fmla="*/ 912657 w 12191941"/>
              <a:gd name="connsiteY512" fmla="*/ 6325709 h 6857967"/>
              <a:gd name="connsiteX513" fmla="*/ 912657 w 12191941"/>
              <a:gd name="connsiteY513" fmla="*/ 6397010 h 6857967"/>
              <a:gd name="connsiteX514" fmla="*/ 983958 w 12191941"/>
              <a:gd name="connsiteY514" fmla="*/ 6397010 h 6857967"/>
              <a:gd name="connsiteX515" fmla="*/ 983958 w 12191941"/>
              <a:gd name="connsiteY515" fmla="*/ 6325709 h 6857967"/>
              <a:gd name="connsiteX516" fmla="*/ 771136 w 12191941"/>
              <a:gd name="connsiteY516" fmla="*/ 6325709 h 6857967"/>
              <a:gd name="connsiteX517" fmla="*/ 771136 w 12191941"/>
              <a:gd name="connsiteY517" fmla="*/ 6397010 h 6857967"/>
              <a:gd name="connsiteX518" fmla="*/ 842437 w 12191941"/>
              <a:gd name="connsiteY518" fmla="*/ 6397010 h 6857967"/>
              <a:gd name="connsiteX519" fmla="*/ 842437 w 12191941"/>
              <a:gd name="connsiteY519" fmla="*/ 6325709 h 6857967"/>
              <a:gd name="connsiteX520" fmla="*/ 628534 w 12191941"/>
              <a:gd name="connsiteY520" fmla="*/ 6325709 h 6857967"/>
              <a:gd name="connsiteX521" fmla="*/ 628534 w 12191941"/>
              <a:gd name="connsiteY521" fmla="*/ 6397010 h 6857967"/>
              <a:gd name="connsiteX522" fmla="*/ 699835 w 12191941"/>
              <a:gd name="connsiteY522" fmla="*/ 6397010 h 6857967"/>
              <a:gd name="connsiteX523" fmla="*/ 699835 w 12191941"/>
              <a:gd name="connsiteY523" fmla="*/ 6325709 h 6857967"/>
              <a:gd name="connsiteX524" fmla="*/ 485863 w 12191941"/>
              <a:gd name="connsiteY524" fmla="*/ 6325709 h 6857967"/>
              <a:gd name="connsiteX525" fmla="*/ 485863 w 12191941"/>
              <a:gd name="connsiteY525" fmla="*/ 6397010 h 6857967"/>
              <a:gd name="connsiteX526" fmla="*/ 557163 w 12191941"/>
              <a:gd name="connsiteY526" fmla="*/ 6397010 h 6857967"/>
              <a:gd name="connsiteX527" fmla="*/ 557163 w 12191941"/>
              <a:gd name="connsiteY527" fmla="*/ 6325709 h 6857967"/>
              <a:gd name="connsiteX528" fmla="*/ 343191 w 12191941"/>
              <a:gd name="connsiteY528" fmla="*/ 6325709 h 6857967"/>
              <a:gd name="connsiteX529" fmla="*/ 343191 w 12191941"/>
              <a:gd name="connsiteY529" fmla="*/ 6397010 h 6857967"/>
              <a:gd name="connsiteX530" fmla="*/ 414492 w 12191941"/>
              <a:gd name="connsiteY530" fmla="*/ 6397010 h 6857967"/>
              <a:gd name="connsiteX531" fmla="*/ 414492 w 12191941"/>
              <a:gd name="connsiteY531" fmla="*/ 6325709 h 6857967"/>
              <a:gd name="connsiteX532" fmla="*/ 200590 w 12191941"/>
              <a:gd name="connsiteY532" fmla="*/ 6325709 h 6857967"/>
              <a:gd name="connsiteX533" fmla="*/ 200590 w 12191941"/>
              <a:gd name="connsiteY533" fmla="*/ 6397010 h 6857967"/>
              <a:gd name="connsiteX534" fmla="*/ 271891 w 12191941"/>
              <a:gd name="connsiteY534" fmla="*/ 6397010 h 6857967"/>
              <a:gd name="connsiteX535" fmla="*/ 271891 w 12191941"/>
              <a:gd name="connsiteY535" fmla="*/ 6325709 h 6857967"/>
              <a:gd name="connsiteX536" fmla="*/ 57918 w 12191941"/>
              <a:gd name="connsiteY536" fmla="*/ 6325709 h 6857967"/>
              <a:gd name="connsiteX537" fmla="*/ 57918 w 12191941"/>
              <a:gd name="connsiteY537" fmla="*/ 6397010 h 6857967"/>
              <a:gd name="connsiteX538" fmla="*/ 129219 w 12191941"/>
              <a:gd name="connsiteY538" fmla="*/ 6397010 h 6857967"/>
              <a:gd name="connsiteX539" fmla="*/ 129219 w 12191941"/>
              <a:gd name="connsiteY539" fmla="*/ 6325709 h 6857967"/>
              <a:gd name="connsiteX540" fmla="*/ 9755391 w 12191941"/>
              <a:gd name="connsiteY540" fmla="*/ 6183107 h 6857967"/>
              <a:gd name="connsiteX541" fmla="*/ 9755391 w 12191941"/>
              <a:gd name="connsiteY541" fmla="*/ 6254408 h 6857967"/>
              <a:gd name="connsiteX542" fmla="*/ 9826692 w 12191941"/>
              <a:gd name="connsiteY542" fmla="*/ 6254408 h 6857967"/>
              <a:gd name="connsiteX543" fmla="*/ 9826692 w 12191941"/>
              <a:gd name="connsiteY543" fmla="*/ 6183107 h 6857967"/>
              <a:gd name="connsiteX544" fmla="*/ 9612718 w 12191941"/>
              <a:gd name="connsiteY544" fmla="*/ 6183107 h 6857967"/>
              <a:gd name="connsiteX545" fmla="*/ 9612718 w 12191941"/>
              <a:gd name="connsiteY545" fmla="*/ 6254408 h 6857967"/>
              <a:gd name="connsiteX546" fmla="*/ 9684019 w 12191941"/>
              <a:gd name="connsiteY546" fmla="*/ 6254408 h 6857967"/>
              <a:gd name="connsiteX547" fmla="*/ 9684019 w 12191941"/>
              <a:gd name="connsiteY547" fmla="*/ 6183107 h 6857967"/>
              <a:gd name="connsiteX548" fmla="*/ 9470117 w 12191941"/>
              <a:gd name="connsiteY548" fmla="*/ 6183107 h 6857967"/>
              <a:gd name="connsiteX549" fmla="*/ 9470117 w 12191941"/>
              <a:gd name="connsiteY549" fmla="*/ 6254408 h 6857967"/>
              <a:gd name="connsiteX550" fmla="*/ 9541417 w 12191941"/>
              <a:gd name="connsiteY550" fmla="*/ 6254408 h 6857967"/>
              <a:gd name="connsiteX551" fmla="*/ 9541417 w 12191941"/>
              <a:gd name="connsiteY551" fmla="*/ 6183107 h 6857967"/>
              <a:gd name="connsiteX552" fmla="*/ 9327444 w 12191941"/>
              <a:gd name="connsiteY552" fmla="*/ 6183107 h 6857967"/>
              <a:gd name="connsiteX553" fmla="*/ 9327444 w 12191941"/>
              <a:gd name="connsiteY553" fmla="*/ 6254408 h 6857967"/>
              <a:gd name="connsiteX554" fmla="*/ 9398745 w 12191941"/>
              <a:gd name="connsiteY554" fmla="*/ 6254408 h 6857967"/>
              <a:gd name="connsiteX555" fmla="*/ 9398745 w 12191941"/>
              <a:gd name="connsiteY555" fmla="*/ 6183107 h 6857967"/>
              <a:gd name="connsiteX556" fmla="*/ 9184842 w 12191941"/>
              <a:gd name="connsiteY556" fmla="*/ 6183107 h 6857967"/>
              <a:gd name="connsiteX557" fmla="*/ 9184842 w 12191941"/>
              <a:gd name="connsiteY557" fmla="*/ 6254408 h 6857967"/>
              <a:gd name="connsiteX558" fmla="*/ 9256143 w 12191941"/>
              <a:gd name="connsiteY558" fmla="*/ 6254408 h 6857967"/>
              <a:gd name="connsiteX559" fmla="*/ 9256143 w 12191941"/>
              <a:gd name="connsiteY559" fmla="*/ 6183107 h 6857967"/>
              <a:gd name="connsiteX560" fmla="*/ 9042170 w 12191941"/>
              <a:gd name="connsiteY560" fmla="*/ 6183107 h 6857967"/>
              <a:gd name="connsiteX561" fmla="*/ 9042170 w 12191941"/>
              <a:gd name="connsiteY561" fmla="*/ 6254408 h 6857967"/>
              <a:gd name="connsiteX562" fmla="*/ 9113471 w 12191941"/>
              <a:gd name="connsiteY562" fmla="*/ 6254408 h 6857967"/>
              <a:gd name="connsiteX563" fmla="*/ 9113471 w 12191941"/>
              <a:gd name="connsiteY563" fmla="*/ 6183107 h 6857967"/>
              <a:gd name="connsiteX564" fmla="*/ 8899568 w 12191941"/>
              <a:gd name="connsiteY564" fmla="*/ 6183107 h 6857967"/>
              <a:gd name="connsiteX565" fmla="*/ 8899568 w 12191941"/>
              <a:gd name="connsiteY565" fmla="*/ 6254408 h 6857967"/>
              <a:gd name="connsiteX566" fmla="*/ 8970869 w 12191941"/>
              <a:gd name="connsiteY566" fmla="*/ 6254408 h 6857967"/>
              <a:gd name="connsiteX567" fmla="*/ 8970869 w 12191941"/>
              <a:gd name="connsiteY567" fmla="*/ 6183107 h 6857967"/>
              <a:gd name="connsiteX568" fmla="*/ 8756896 w 12191941"/>
              <a:gd name="connsiteY568" fmla="*/ 6183107 h 6857967"/>
              <a:gd name="connsiteX569" fmla="*/ 8756896 w 12191941"/>
              <a:gd name="connsiteY569" fmla="*/ 6254408 h 6857967"/>
              <a:gd name="connsiteX570" fmla="*/ 8828196 w 12191941"/>
              <a:gd name="connsiteY570" fmla="*/ 6254408 h 6857967"/>
              <a:gd name="connsiteX571" fmla="*/ 8828196 w 12191941"/>
              <a:gd name="connsiteY571" fmla="*/ 6183107 h 6857967"/>
              <a:gd name="connsiteX572" fmla="*/ 8614223 w 12191941"/>
              <a:gd name="connsiteY572" fmla="*/ 6183107 h 6857967"/>
              <a:gd name="connsiteX573" fmla="*/ 8614223 w 12191941"/>
              <a:gd name="connsiteY573" fmla="*/ 6254408 h 6857967"/>
              <a:gd name="connsiteX574" fmla="*/ 8685524 w 12191941"/>
              <a:gd name="connsiteY574" fmla="*/ 6254408 h 6857967"/>
              <a:gd name="connsiteX575" fmla="*/ 8685524 w 12191941"/>
              <a:gd name="connsiteY575" fmla="*/ 6183107 h 6857967"/>
              <a:gd name="connsiteX576" fmla="*/ 8471622 w 12191941"/>
              <a:gd name="connsiteY576" fmla="*/ 6183107 h 6857967"/>
              <a:gd name="connsiteX577" fmla="*/ 8471622 w 12191941"/>
              <a:gd name="connsiteY577" fmla="*/ 6254408 h 6857967"/>
              <a:gd name="connsiteX578" fmla="*/ 8542923 w 12191941"/>
              <a:gd name="connsiteY578" fmla="*/ 6254408 h 6857967"/>
              <a:gd name="connsiteX579" fmla="*/ 8542923 w 12191941"/>
              <a:gd name="connsiteY579" fmla="*/ 6183107 h 6857967"/>
              <a:gd name="connsiteX580" fmla="*/ 8328949 w 12191941"/>
              <a:gd name="connsiteY580" fmla="*/ 6183107 h 6857967"/>
              <a:gd name="connsiteX581" fmla="*/ 8328949 w 12191941"/>
              <a:gd name="connsiteY581" fmla="*/ 6254408 h 6857967"/>
              <a:gd name="connsiteX582" fmla="*/ 8400250 w 12191941"/>
              <a:gd name="connsiteY582" fmla="*/ 6254408 h 6857967"/>
              <a:gd name="connsiteX583" fmla="*/ 8400250 w 12191941"/>
              <a:gd name="connsiteY583" fmla="*/ 6183107 h 6857967"/>
              <a:gd name="connsiteX584" fmla="*/ 8186348 w 12191941"/>
              <a:gd name="connsiteY584" fmla="*/ 6183107 h 6857967"/>
              <a:gd name="connsiteX585" fmla="*/ 8186348 w 12191941"/>
              <a:gd name="connsiteY585" fmla="*/ 6254408 h 6857967"/>
              <a:gd name="connsiteX586" fmla="*/ 8257649 w 12191941"/>
              <a:gd name="connsiteY586" fmla="*/ 6254408 h 6857967"/>
              <a:gd name="connsiteX587" fmla="*/ 8257649 w 12191941"/>
              <a:gd name="connsiteY587" fmla="*/ 6183107 h 6857967"/>
              <a:gd name="connsiteX588" fmla="*/ 8043675 w 12191941"/>
              <a:gd name="connsiteY588" fmla="*/ 6183107 h 6857967"/>
              <a:gd name="connsiteX589" fmla="*/ 8043675 w 12191941"/>
              <a:gd name="connsiteY589" fmla="*/ 6254408 h 6857967"/>
              <a:gd name="connsiteX590" fmla="*/ 8114976 w 12191941"/>
              <a:gd name="connsiteY590" fmla="*/ 6254408 h 6857967"/>
              <a:gd name="connsiteX591" fmla="*/ 8114976 w 12191941"/>
              <a:gd name="connsiteY591" fmla="*/ 6183107 h 6857967"/>
              <a:gd name="connsiteX592" fmla="*/ 7901003 w 12191941"/>
              <a:gd name="connsiteY592" fmla="*/ 6183107 h 6857967"/>
              <a:gd name="connsiteX593" fmla="*/ 7901003 w 12191941"/>
              <a:gd name="connsiteY593" fmla="*/ 6254408 h 6857967"/>
              <a:gd name="connsiteX594" fmla="*/ 7972304 w 12191941"/>
              <a:gd name="connsiteY594" fmla="*/ 6254408 h 6857967"/>
              <a:gd name="connsiteX595" fmla="*/ 7972304 w 12191941"/>
              <a:gd name="connsiteY595" fmla="*/ 6183107 h 6857967"/>
              <a:gd name="connsiteX596" fmla="*/ 7758401 w 12191941"/>
              <a:gd name="connsiteY596" fmla="*/ 6183107 h 6857967"/>
              <a:gd name="connsiteX597" fmla="*/ 7758401 w 12191941"/>
              <a:gd name="connsiteY597" fmla="*/ 6254408 h 6857967"/>
              <a:gd name="connsiteX598" fmla="*/ 7829702 w 12191941"/>
              <a:gd name="connsiteY598" fmla="*/ 6254408 h 6857967"/>
              <a:gd name="connsiteX599" fmla="*/ 7829702 w 12191941"/>
              <a:gd name="connsiteY599" fmla="*/ 6183107 h 6857967"/>
              <a:gd name="connsiteX600" fmla="*/ 7615728 w 12191941"/>
              <a:gd name="connsiteY600" fmla="*/ 6183107 h 6857967"/>
              <a:gd name="connsiteX601" fmla="*/ 7615728 w 12191941"/>
              <a:gd name="connsiteY601" fmla="*/ 6254408 h 6857967"/>
              <a:gd name="connsiteX602" fmla="*/ 7687029 w 12191941"/>
              <a:gd name="connsiteY602" fmla="*/ 6254408 h 6857967"/>
              <a:gd name="connsiteX603" fmla="*/ 7687029 w 12191941"/>
              <a:gd name="connsiteY603" fmla="*/ 6183107 h 6857967"/>
              <a:gd name="connsiteX604" fmla="*/ 7473127 w 12191941"/>
              <a:gd name="connsiteY604" fmla="*/ 6183107 h 6857967"/>
              <a:gd name="connsiteX605" fmla="*/ 7473127 w 12191941"/>
              <a:gd name="connsiteY605" fmla="*/ 6254408 h 6857967"/>
              <a:gd name="connsiteX606" fmla="*/ 7544428 w 12191941"/>
              <a:gd name="connsiteY606" fmla="*/ 6254408 h 6857967"/>
              <a:gd name="connsiteX607" fmla="*/ 7544428 w 12191941"/>
              <a:gd name="connsiteY607" fmla="*/ 6183107 h 6857967"/>
              <a:gd name="connsiteX608" fmla="*/ 7330454 w 12191941"/>
              <a:gd name="connsiteY608" fmla="*/ 6183107 h 6857967"/>
              <a:gd name="connsiteX609" fmla="*/ 7330454 w 12191941"/>
              <a:gd name="connsiteY609" fmla="*/ 6254408 h 6857967"/>
              <a:gd name="connsiteX610" fmla="*/ 7401755 w 12191941"/>
              <a:gd name="connsiteY610" fmla="*/ 6254408 h 6857967"/>
              <a:gd name="connsiteX611" fmla="*/ 7401755 w 12191941"/>
              <a:gd name="connsiteY611" fmla="*/ 6183107 h 6857967"/>
              <a:gd name="connsiteX612" fmla="*/ 7187853 w 12191941"/>
              <a:gd name="connsiteY612" fmla="*/ 6183107 h 6857967"/>
              <a:gd name="connsiteX613" fmla="*/ 7187853 w 12191941"/>
              <a:gd name="connsiteY613" fmla="*/ 6254408 h 6857967"/>
              <a:gd name="connsiteX614" fmla="*/ 7259154 w 12191941"/>
              <a:gd name="connsiteY614" fmla="*/ 6254408 h 6857967"/>
              <a:gd name="connsiteX615" fmla="*/ 7259154 w 12191941"/>
              <a:gd name="connsiteY615" fmla="*/ 6183107 h 6857967"/>
              <a:gd name="connsiteX616" fmla="*/ 7045180 w 12191941"/>
              <a:gd name="connsiteY616" fmla="*/ 6183107 h 6857967"/>
              <a:gd name="connsiteX617" fmla="*/ 7045180 w 12191941"/>
              <a:gd name="connsiteY617" fmla="*/ 6254408 h 6857967"/>
              <a:gd name="connsiteX618" fmla="*/ 7116481 w 12191941"/>
              <a:gd name="connsiteY618" fmla="*/ 6254408 h 6857967"/>
              <a:gd name="connsiteX619" fmla="*/ 7116481 w 12191941"/>
              <a:gd name="connsiteY619" fmla="*/ 6183107 h 6857967"/>
              <a:gd name="connsiteX620" fmla="*/ 6902579 w 12191941"/>
              <a:gd name="connsiteY620" fmla="*/ 6183107 h 6857967"/>
              <a:gd name="connsiteX621" fmla="*/ 6902579 w 12191941"/>
              <a:gd name="connsiteY621" fmla="*/ 6254408 h 6857967"/>
              <a:gd name="connsiteX622" fmla="*/ 6973880 w 12191941"/>
              <a:gd name="connsiteY622" fmla="*/ 6254408 h 6857967"/>
              <a:gd name="connsiteX623" fmla="*/ 6973880 w 12191941"/>
              <a:gd name="connsiteY623" fmla="*/ 6183107 h 6857967"/>
              <a:gd name="connsiteX624" fmla="*/ 6759906 w 12191941"/>
              <a:gd name="connsiteY624" fmla="*/ 6183107 h 6857967"/>
              <a:gd name="connsiteX625" fmla="*/ 6759906 w 12191941"/>
              <a:gd name="connsiteY625" fmla="*/ 6254408 h 6857967"/>
              <a:gd name="connsiteX626" fmla="*/ 6831207 w 12191941"/>
              <a:gd name="connsiteY626" fmla="*/ 6254408 h 6857967"/>
              <a:gd name="connsiteX627" fmla="*/ 6831207 w 12191941"/>
              <a:gd name="connsiteY627" fmla="*/ 6183107 h 6857967"/>
              <a:gd name="connsiteX628" fmla="*/ 6617234 w 12191941"/>
              <a:gd name="connsiteY628" fmla="*/ 6183107 h 6857967"/>
              <a:gd name="connsiteX629" fmla="*/ 6617234 w 12191941"/>
              <a:gd name="connsiteY629" fmla="*/ 6254408 h 6857967"/>
              <a:gd name="connsiteX630" fmla="*/ 6688535 w 12191941"/>
              <a:gd name="connsiteY630" fmla="*/ 6254408 h 6857967"/>
              <a:gd name="connsiteX631" fmla="*/ 6688535 w 12191941"/>
              <a:gd name="connsiteY631" fmla="*/ 6183107 h 6857967"/>
              <a:gd name="connsiteX632" fmla="*/ 6474632 w 12191941"/>
              <a:gd name="connsiteY632" fmla="*/ 6183107 h 6857967"/>
              <a:gd name="connsiteX633" fmla="*/ 6474632 w 12191941"/>
              <a:gd name="connsiteY633" fmla="*/ 6254408 h 6857967"/>
              <a:gd name="connsiteX634" fmla="*/ 6545933 w 12191941"/>
              <a:gd name="connsiteY634" fmla="*/ 6254408 h 6857967"/>
              <a:gd name="connsiteX635" fmla="*/ 6545933 w 12191941"/>
              <a:gd name="connsiteY635" fmla="*/ 6183107 h 6857967"/>
              <a:gd name="connsiteX636" fmla="*/ 6331959 w 12191941"/>
              <a:gd name="connsiteY636" fmla="*/ 6183107 h 6857967"/>
              <a:gd name="connsiteX637" fmla="*/ 6331959 w 12191941"/>
              <a:gd name="connsiteY637" fmla="*/ 6254408 h 6857967"/>
              <a:gd name="connsiteX638" fmla="*/ 6403260 w 12191941"/>
              <a:gd name="connsiteY638" fmla="*/ 6254408 h 6857967"/>
              <a:gd name="connsiteX639" fmla="*/ 6403260 w 12191941"/>
              <a:gd name="connsiteY639" fmla="*/ 6183107 h 6857967"/>
              <a:gd name="connsiteX640" fmla="*/ 6189358 w 12191941"/>
              <a:gd name="connsiteY640" fmla="*/ 6183107 h 6857967"/>
              <a:gd name="connsiteX641" fmla="*/ 6189358 w 12191941"/>
              <a:gd name="connsiteY641" fmla="*/ 6254408 h 6857967"/>
              <a:gd name="connsiteX642" fmla="*/ 6260659 w 12191941"/>
              <a:gd name="connsiteY642" fmla="*/ 6254408 h 6857967"/>
              <a:gd name="connsiteX643" fmla="*/ 6260659 w 12191941"/>
              <a:gd name="connsiteY643" fmla="*/ 6183107 h 6857967"/>
              <a:gd name="connsiteX644" fmla="*/ 6046689 w 12191941"/>
              <a:gd name="connsiteY644" fmla="*/ 6183107 h 6857967"/>
              <a:gd name="connsiteX645" fmla="*/ 6046689 w 12191941"/>
              <a:gd name="connsiteY645" fmla="*/ 6254408 h 6857967"/>
              <a:gd name="connsiteX646" fmla="*/ 6117986 w 12191941"/>
              <a:gd name="connsiteY646" fmla="*/ 6254408 h 6857967"/>
              <a:gd name="connsiteX647" fmla="*/ 6117986 w 12191941"/>
              <a:gd name="connsiteY647" fmla="*/ 6183107 h 6857967"/>
              <a:gd name="connsiteX648" fmla="*/ 5904022 w 12191941"/>
              <a:gd name="connsiteY648" fmla="*/ 6183107 h 6857967"/>
              <a:gd name="connsiteX649" fmla="*/ 5904022 w 12191941"/>
              <a:gd name="connsiteY649" fmla="*/ 6254408 h 6857967"/>
              <a:gd name="connsiteX650" fmla="*/ 5975319 w 12191941"/>
              <a:gd name="connsiteY650" fmla="*/ 6254408 h 6857967"/>
              <a:gd name="connsiteX651" fmla="*/ 5975319 w 12191941"/>
              <a:gd name="connsiteY651" fmla="*/ 6183107 h 6857967"/>
              <a:gd name="connsiteX652" fmla="*/ 5761426 w 12191941"/>
              <a:gd name="connsiteY652" fmla="*/ 6183107 h 6857967"/>
              <a:gd name="connsiteX653" fmla="*/ 5761426 w 12191941"/>
              <a:gd name="connsiteY653" fmla="*/ 6254408 h 6857967"/>
              <a:gd name="connsiteX654" fmla="*/ 5832724 w 12191941"/>
              <a:gd name="connsiteY654" fmla="*/ 6254408 h 6857967"/>
              <a:gd name="connsiteX655" fmla="*/ 5832724 w 12191941"/>
              <a:gd name="connsiteY655" fmla="*/ 6183107 h 6857967"/>
              <a:gd name="connsiteX656" fmla="*/ 5618761 w 12191941"/>
              <a:gd name="connsiteY656" fmla="*/ 6183107 h 6857967"/>
              <a:gd name="connsiteX657" fmla="*/ 5618761 w 12191941"/>
              <a:gd name="connsiteY657" fmla="*/ 6254408 h 6857967"/>
              <a:gd name="connsiteX658" fmla="*/ 5690059 w 12191941"/>
              <a:gd name="connsiteY658" fmla="*/ 6254408 h 6857967"/>
              <a:gd name="connsiteX659" fmla="*/ 5690059 w 12191941"/>
              <a:gd name="connsiteY659" fmla="*/ 6183107 h 6857967"/>
              <a:gd name="connsiteX660" fmla="*/ 5476167 w 12191941"/>
              <a:gd name="connsiteY660" fmla="*/ 6183107 h 6857967"/>
              <a:gd name="connsiteX661" fmla="*/ 5476167 w 12191941"/>
              <a:gd name="connsiteY661" fmla="*/ 6254408 h 6857967"/>
              <a:gd name="connsiteX662" fmla="*/ 5547465 w 12191941"/>
              <a:gd name="connsiteY662" fmla="*/ 6254408 h 6857967"/>
              <a:gd name="connsiteX663" fmla="*/ 5547465 w 12191941"/>
              <a:gd name="connsiteY663" fmla="*/ 6183107 h 6857967"/>
              <a:gd name="connsiteX664" fmla="*/ 5333502 w 12191941"/>
              <a:gd name="connsiteY664" fmla="*/ 6183107 h 6857967"/>
              <a:gd name="connsiteX665" fmla="*/ 5333502 w 12191941"/>
              <a:gd name="connsiteY665" fmla="*/ 6254408 h 6857967"/>
              <a:gd name="connsiteX666" fmla="*/ 5404799 w 12191941"/>
              <a:gd name="connsiteY666" fmla="*/ 6254408 h 6857967"/>
              <a:gd name="connsiteX667" fmla="*/ 5404799 w 12191941"/>
              <a:gd name="connsiteY667" fmla="*/ 6183107 h 6857967"/>
              <a:gd name="connsiteX668" fmla="*/ 5190877 w 12191941"/>
              <a:gd name="connsiteY668" fmla="*/ 6183107 h 6857967"/>
              <a:gd name="connsiteX669" fmla="*/ 5190877 w 12191941"/>
              <a:gd name="connsiteY669" fmla="*/ 6254408 h 6857967"/>
              <a:gd name="connsiteX670" fmla="*/ 5262188 w 12191941"/>
              <a:gd name="connsiteY670" fmla="*/ 6254408 h 6857967"/>
              <a:gd name="connsiteX671" fmla="*/ 5262188 w 12191941"/>
              <a:gd name="connsiteY671" fmla="*/ 6183107 h 6857967"/>
              <a:gd name="connsiteX672" fmla="*/ 5048236 w 12191941"/>
              <a:gd name="connsiteY672" fmla="*/ 6183107 h 6857967"/>
              <a:gd name="connsiteX673" fmla="*/ 5048236 w 12191941"/>
              <a:gd name="connsiteY673" fmla="*/ 6254408 h 6857967"/>
              <a:gd name="connsiteX674" fmla="*/ 5119527 w 12191941"/>
              <a:gd name="connsiteY674" fmla="*/ 6254408 h 6857967"/>
              <a:gd name="connsiteX675" fmla="*/ 5119527 w 12191941"/>
              <a:gd name="connsiteY675" fmla="*/ 6183107 h 6857967"/>
              <a:gd name="connsiteX676" fmla="*/ 4906607 w 12191941"/>
              <a:gd name="connsiteY676" fmla="*/ 6183107 h 6857967"/>
              <a:gd name="connsiteX677" fmla="*/ 4906607 w 12191941"/>
              <a:gd name="connsiteY677" fmla="*/ 6254408 h 6857967"/>
              <a:gd name="connsiteX678" fmla="*/ 4977916 w 12191941"/>
              <a:gd name="connsiteY678" fmla="*/ 6254408 h 6857967"/>
              <a:gd name="connsiteX679" fmla="*/ 4977916 w 12191941"/>
              <a:gd name="connsiteY679" fmla="*/ 6183107 h 6857967"/>
              <a:gd name="connsiteX680" fmla="*/ 4764013 w 12191941"/>
              <a:gd name="connsiteY680" fmla="*/ 6183107 h 6857967"/>
              <a:gd name="connsiteX681" fmla="*/ 4764013 w 12191941"/>
              <a:gd name="connsiteY681" fmla="*/ 6254408 h 6857967"/>
              <a:gd name="connsiteX682" fmla="*/ 4835311 w 12191941"/>
              <a:gd name="connsiteY682" fmla="*/ 6254408 h 6857967"/>
              <a:gd name="connsiteX683" fmla="*/ 4835311 w 12191941"/>
              <a:gd name="connsiteY683" fmla="*/ 6183107 h 6857967"/>
              <a:gd name="connsiteX684" fmla="*/ 4621341 w 12191941"/>
              <a:gd name="connsiteY684" fmla="*/ 6183107 h 6857967"/>
              <a:gd name="connsiteX685" fmla="*/ 4621341 w 12191941"/>
              <a:gd name="connsiteY685" fmla="*/ 6254408 h 6857967"/>
              <a:gd name="connsiteX686" fmla="*/ 4692639 w 12191941"/>
              <a:gd name="connsiteY686" fmla="*/ 6254408 h 6857967"/>
              <a:gd name="connsiteX687" fmla="*/ 4692639 w 12191941"/>
              <a:gd name="connsiteY687" fmla="*/ 6183107 h 6857967"/>
              <a:gd name="connsiteX688" fmla="*/ 4478666 w 12191941"/>
              <a:gd name="connsiteY688" fmla="*/ 6183107 h 6857967"/>
              <a:gd name="connsiteX689" fmla="*/ 4478666 w 12191941"/>
              <a:gd name="connsiteY689" fmla="*/ 6254408 h 6857967"/>
              <a:gd name="connsiteX690" fmla="*/ 4549969 w 12191941"/>
              <a:gd name="connsiteY690" fmla="*/ 6254408 h 6857967"/>
              <a:gd name="connsiteX691" fmla="*/ 4549969 w 12191941"/>
              <a:gd name="connsiteY691" fmla="*/ 6183107 h 6857967"/>
              <a:gd name="connsiteX692" fmla="*/ 4336067 w 12191941"/>
              <a:gd name="connsiteY692" fmla="*/ 6183107 h 6857967"/>
              <a:gd name="connsiteX693" fmla="*/ 4336067 w 12191941"/>
              <a:gd name="connsiteY693" fmla="*/ 6254408 h 6857967"/>
              <a:gd name="connsiteX694" fmla="*/ 4407366 w 12191941"/>
              <a:gd name="connsiteY694" fmla="*/ 6254408 h 6857967"/>
              <a:gd name="connsiteX695" fmla="*/ 4407366 w 12191941"/>
              <a:gd name="connsiteY695" fmla="*/ 6183107 h 6857967"/>
              <a:gd name="connsiteX696" fmla="*/ 4193413 w 12191941"/>
              <a:gd name="connsiteY696" fmla="*/ 6183107 h 6857967"/>
              <a:gd name="connsiteX697" fmla="*/ 4193413 w 12191941"/>
              <a:gd name="connsiteY697" fmla="*/ 6254408 h 6857967"/>
              <a:gd name="connsiteX698" fmla="*/ 4264695 w 12191941"/>
              <a:gd name="connsiteY698" fmla="*/ 6254408 h 6857967"/>
              <a:gd name="connsiteX699" fmla="*/ 4264695 w 12191941"/>
              <a:gd name="connsiteY699" fmla="*/ 6183107 h 6857967"/>
              <a:gd name="connsiteX700" fmla="*/ 4050810 w 12191941"/>
              <a:gd name="connsiteY700" fmla="*/ 6183107 h 6857967"/>
              <a:gd name="connsiteX701" fmla="*/ 4050810 w 12191941"/>
              <a:gd name="connsiteY701" fmla="*/ 6254408 h 6857967"/>
              <a:gd name="connsiteX702" fmla="*/ 4122113 w 12191941"/>
              <a:gd name="connsiteY702" fmla="*/ 6254408 h 6857967"/>
              <a:gd name="connsiteX703" fmla="*/ 4122113 w 12191941"/>
              <a:gd name="connsiteY703" fmla="*/ 6183107 h 6857967"/>
              <a:gd name="connsiteX704" fmla="*/ 3908136 w 12191941"/>
              <a:gd name="connsiteY704" fmla="*/ 6183107 h 6857967"/>
              <a:gd name="connsiteX705" fmla="*/ 3908136 w 12191941"/>
              <a:gd name="connsiteY705" fmla="*/ 6254408 h 6857967"/>
              <a:gd name="connsiteX706" fmla="*/ 3979438 w 12191941"/>
              <a:gd name="connsiteY706" fmla="*/ 6254408 h 6857967"/>
              <a:gd name="connsiteX707" fmla="*/ 3979438 w 12191941"/>
              <a:gd name="connsiteY707" fmla="*/ 6183107 h 6857967"/>
              <a:gd name="connsiteX708" fmla="*/ 3765462 w 12191941"/>
              <a:gd name="connsiteY708" fmla="*/ 6183107 h 6857967"/>
              <a:gd name="connsiteX709" fmla="*/ 3765462 w 12191941"/>
              <a:gd name="connsiteY709" fmla="*/ 6254408 h 6857967"/>
              <a:gd name="connsiteX710" fmla="*/ 3836763 w 12191941"/>
              <a:gd name="connsiteY710" fmla="*/ 6254408 h 6857967"/>
              <a:gd name="connsiteX711" fmla="*/ 3836763 w 12191941"/>
              <a:gd name="connsiteY711" fmla="*/ 6183107 h 6857967"/>
              <a:gd name="connsiteX712" fmla="*/ 3622851 w 12191941"/>
              <a:gd name="connsiteY712" fmla="*/ 6183107 h 6857967"/>
              <a:gd name="connsiteX713" fmla="*/ 3622851 w 12191941"/>
              <a:gd name="connsiteY713" fmla="*/ 6254408 h 6857967"/>
              <a:gd name="connsiteX714" fmla="*/ 3694151 w 12191941"/>
              <a:gd name="connsiteY714" fmla="*/ 6254408 h 6857967"/>
              <a:gd name="connsiteX715" fmla="*/ 3694151 w 12191941"/>
              <a:gd name="connsiteY715" fmla="*/ 6183107 h 6857967"/>
              <a:gd name="connsiteX716" fmla="*/ 3480203 w 12191941"/>
              <a:gd name="connsiteY716" fmla="*/ 6183107 h 6857967"/>
              <a:gd name="connsiteX717" fmla="*/ 3480203 w 12191941"/>
              <a:gd name="connsiteY717" fmla="*/ 6254408 h 6857967"/>
              <a:gd name="connsiteX718" fmla="*/ 3551509 w 12191941"/>
              <a:gd name="connsiteY718" fmla="*/ 6254408 h 6857967"/>
              <a:gd name="connsiteX719" fmla="*/ 3551509 w 12191941"/>
              <a:gd name="connsiteY719" fmla="*/ 6183107 h 6857967"/>
              <a:gd name="connsiteX720" fmla="*/ 3337580 w 12191941"/>
              <a:gd name="connsiteY720" fmla="*/ 6183107 h 6857967"/>
              <a:gd name="connsiteX721" fmla="*/ 3337580 w 12191941"/>
              <a:gd name="connsiteY721" fmla="*/ 6254408 h 6857967"/>
              <a:gd name="connsiteX722" fmla="*/ 3408881 w 12191941"/>
              <a:gd name="connsiteY722" fmla="*/ 6254408 h 6857967"/>
              <a:gd name="connsiteX723" fmla="*/ 3408881 w 12191941"/>
              <a:gd name="connsiteY723" fmla="*/ 6183107 h 6857967"/>
              <a:gd name="connsiteX724" fmla="*/ 3194906 w 12191941"/>
              <a:gd name="connsiteY724" fmla="*/ 6183107 h 6857967"/>
              <a:gd name="connsiteX725" fmla="*/ 3194906 w 12191941"/>
              <a:gd name="connsiteY725" fmla="*/ 6254408 h 6857967"/>
              <a:gd name="connsiteX726" fmla="*/ 3266208 w 12191941"/>
              <a:gd name="connsiteY726" fmla="*/ 6254408 h 6857967"/>
              <a:gd name="connsiteX727" fmla="*/ 3266208 w 12191941"/>
              <a:gd name="connsiteY727" fmla="*/ 6183107 h 6857967"/>
              <a:gd name="connsiteX728" fmla="*/ 3052305 w 12191941"/>
              <a:gd name="connsiteY728" fmla="*/ 6183107 h 6857967"/>
              <a:gd name="connsiteX729" fmla="*/ 3052305 w 12191941"/>
              <a:gd name="connsiteY729" fmla="*/ 6254408 h 6857967"/>
              <a:gd name="connsiteX730" fmla="*/ 3123607 w 12191941"/>
              <a:gd name="connsiteY730" fmla="*/ 6254408 h 6857967"/>
              <a:gd name="connsiteX731" fmla="*/ 3123607 w 12191941"/>
              <a:gd name="connsiteY731" fmla="*/ 6183107 h 6857967"/>
              <a:gd name="connsiteX732" fmla="*/ 2909634 w 12191941"/>
              <a:gd name="connsiteY732" fmla="*/ 6183107 h 6857967"/>
              <a:gd name="connsiteX733" fmla="*/ 2909634 w 12191941"/>
              <a:gd name="connsiteY733" fmla="*/ 6254408 h 6857967"/>
              <a:gd name="connsiteX734" fmla="*/ 2980934 w 12191941"/>
              <a:gd name="connsiteY734" fmla="*/ 6254408 h 6857967"/>
              <a:gd name="connsiteX735" fmla="*/ 2980934 w 12191941"/>
              <a:gd name="connsiteY735" fmla="*/ 6183107 h 6857967"/>
              <a:gd name="connsiteX736" fmla="*/ 2767033 w 12191941"/>
              <a:gd name="connsiteY736" fmla="*/ 6183107 h 6857967"/>
              <a:gd name="connsiteX737" fmla="*/ 2767033 w 12191941"/>
              <a:gd name="connsiteY737" fmla="*/ 6254408 h 6857967"/>
              <a:gd name="connsiteX738" fmla="*/ 2838334 w 12191941"/>
              <a:gd name="connsiteY738" fmla="*/ 6254408 h 6857967"/>
              <a:gd name="connsiteX739" fmla="*/ 2838334 w 12191941"/>
              <a:gd name="connsiteY739" fmla="*/ 6183107 h 6857967"/>
              <a:gd name="connsiteX740" fmla="*/ 2624361 w 12191941"/>
              <a:gd name="connsiteY740" fmla="*/ 6183107 h 6857967"/>
              <a:gd name="connsiteX741" fmla="*/ 2624361 w 12191941"/>
              <a:gd name="connsiteY741" fmla="*/ 6254408 h 6857967"/>
              <a:gd name="connsiteX742" fmla="*/ 2695661 w 12191941"/>
              <a:gd name="connsiteY742" fmla="*/ 6254408 h 6857967"/>
              <a:gd name="connsiteX743" fmla="*/ 2695661 w 12191941"/>
              <a:gd name="connsiteY743" fmla="*/ 6183107 h 6857967"/>
              <a:gd name="connsiteX744" fmla="*/ 2481690 w 12191941"/>
              <a:gd name="connsiteY744" fmla="*/ 6183107 h 6857967"/>
              <a:gd name="connsiteX745" fmla="*/ 2481690 w 12191941"/>
              <a:gd name="connsiteY745" fmla="*/ 6254408 h 6857967"/>
              <a:gd name="connsiteX746" fmla="*/ 2552991 w 12191941"/>
              <a:gd name="connsiteY746" fmla="*/ 6254408 h 6857967"/>
              <a:gd name="connsiteX747" fmla="*/ 2552991 w 12191941"/>
              <a:gd name="connsiteY747" fmla="*/ 6183107 h 6857967"/>
              <a:gd name="connsiteX748" fmla="*/ 2339091 w 12191941"/>
              <a:gd name="connsiteY748" fmla="*/ 6183107 h 6857967"/>
              <a:gd name="connsiteX749" fmla="*/ 2339091 w 12191941"/>
              <a:gd name="connsiteY749" fmla="*/ 6254408 h 6857967"/>
              <a:gd name="connsiteX750" fmla="*/ 2410392 w 12191941"/>
              <a:gd name="connsiteY750" fmla="*/ 6254408 h 6857967"/>
              <a:gd name="connsiteX751" fmla="*/ 2410392 w 12191941"/>
              <a:gd name="connsiteY751" fmla="*/ 6183107 h 6857967"/>
              <a:gd name="connsiteX752" fmla="*/ 2196420 w 12191941"/>
              <a:gd name="connsiteY752" fmla="*/ 6183107 h 6857967"/>
              <a:gd name="connsiteX753" fmla="*/ 2196420 w 12191941"/>
              <a:gd name="connsiteY753" fmla="*/ 6254408 h 6857967"/>
              <a:gd name="connsiteX754" fmla="*/ 2267721 w 12191941"/>
              <a:gd name="connsiteY754" fmla="*/ 6254408 h 6857967"/>
              <a:gd name="connsiteX755" fmla="*/ 2267721 w 12191941"/>
              <a:gd name="connsiteY755" fmla="*/ 6183107 h 6857967"/>
              <a:gd name="connsiteX756" fmla="*/ 2053813 w 12191941"/>
              <a:gd name="connsiteY756" fmla="*/ 6183107 h 6857967"/>
              <a:gd name="connsiteX757" fmla="*/ 2053813 w 12191941"/>
              <a:gd name="connsiteY757" fmla="*/ 6254408 h 6857967"/>
              <a:gd name="connsiteX758" fmla="*/ 2125117 w 12191941"/>
              <a:gd name="connsiteY758" fmla="*/ 6254408 h 6857967"/>
              <a:gd name="connsiteX759" fmla="*/ 2125117 w 12191941"/>
              <a:gd name="connsiteY759" fmla="*/ 6183107 h 6857967"/>
              <a:gd name="connsiteX760" fmla="*/ 1911141 w 12191941"/>
              <a:gd name="connsiteY760" fmla="*/ 6183107 h 6857967"/>
              <a:gd name="connsiteX761" fmla="*/ 1911141 w 12191941"/>
              <a:gd name="connsiteY761" fmla="*/ 6254408 h 6857967"/>
              <a:gd name="connsiteX762" fmla="*/ 1982442 w 12191941"/>
              <a:gd name="connsiteY762" fmla="*/ 6254408 h 6857967"/>
              <a:gd name="connsiteX763" fmla="*/ 1982442 w 12191941"/>
              <a:gd name="connsiteY763" fmla="*/ 6183107 h 6857967"/>
              <a:gd name="connsiteX764" fmla="*/ 1768470 w 12191941"/>
              <a:gd name="connsiteY764" fmla="*/ 6183107 h 6857967"/>
              <a:gd name="connsiteX765" fmla="*/ 1768470 w 12191941"/>
              <a:gd name="connsiteY765" fmla="*/ 6254408 h 6857967"/>
              <a:gd name="connsiteX766" fmla="*/ 1839771 w 12191941"/>
              <a:gd name="connsiteY766" fmla="*/ 6254408 h 6857967"/>
              <a:gd name="connsiteX767" fmla="*/ 1839771 w 12191941"/>
              <a:gd name="connsiteY767" fmla="*/ 6183107 h 6857967"/>
              <a:gd name="connsiteX768" fmla="*/ 1625870 w 12191941"/>
              <a:gd name="connsiteY768" fmla="*/ 6183107 h 6857967"/>
              <a:gd name="connsiteX769" fmla="*/ 1625870 w 12191941"/>
              <a:gd name="connsiteY769" fmla="*/ 6254408 h 6857967"/>
              <a:gd name="connsiteX770" fmla="*/ 1697171 w 12191941"/>
              <a:gd name="connsiteY770" fmla="*/ 6254408 h 6857967"/>
              <a:gd name="connsiteX771" fmla="*/ 1697171 w 12191941"/>
              <a:gd name="connsiteY771" fmla="*/ 6183107 h 6857967"/>
              <a:gd name="connsiteX772" fmla="*/ 1483199 w 12191941"/>
              <a:gd name="connsiteY772" fmla="*/ 6183107 h 6857967"/>
              <a:gd name="connsiteX773" fmla="*/ 1483199 w 12191941"/>
              <a:gd name="connsiteY773" fmla="*/ 6254408 h 6857967"/>
              <a:gd name="connsiteX774" fmla="*/ 1554500 w 12191941"/>
              <a:gd name="connsiteY774" fmla="*/ 6254408 h 6857967"/>
              <a:gd name="connsiteX775" fmla="*/ 1554500 w 12191941"/>
              <a:gd name="connsiteY775" fmla="*/ 6183107 h 6857967"/>
              <a:gd name="connsiteX776" fmla="*/ 1340599 w 12191941"/>
              <a:gd name="connsiteY776" fmla="*/ 6183107 h 6857967"/>
              <a:gd name="connsiteX777" fmla="*/ 1340599 w 12191941"/>
              <a:gd name="connsiteY777" fmla="*/ 6254408 h 6857967"/>
              <a:gd name="connsiteX778" fmla="*/ 1411901 w 12191941"/>
              <a:gd name="connsiteY778" fmla="*/ 6254408 h 6857967"/>
              <a:gd name="connsiteX779" fmla="*/ 1411901 w 12191941"/>
              <a:gd name="connsiteY779" fmla="*/ 6183107 h 6857967"/>
              <a:gd name="connsiteX780" fmla="*/ 1197929 w 12191941"/>
              <a:gd name="connsiteY780" fmla="*/ 6183107 h 6857967"/>
              <a:gd name="connsiteX781" fmla="*/ 1197929 w 12191941"/>
              <a:gd name="connsiteY781" fmla="*/ 6254408 h 6857967"/>
              <a:gd name="connsiteX782" fmla="*/ 1269230 w 12191941"/>
              <a:gd name="connsiteY782" fmla="*/ 6254408 h 6857967"/>
              <a:gd name="connsiteX783" fmla="*/ 1269230 w 12191941"/>
              <a:gd name="connsiteY783" fmla="*/ 6183107 h 6857967"/>
              <a:gd name="connsiteX784" fmla="*/ 1055311 w 12191941"/>
              <a:gd name="connsiteY784" fmla="*/ 6183107 h 6857967"/>
              <a:gd name="connsiteX785" fmla="*/ 1055311 w 12191941"/>
              <a:gd name="connsiteY785" fmla="*/ 6254408 h 6857967"/>
              <a:gd name="connsiteX786" fmla="*/ 1126612 w 12191941"/>
              <a:gd name="connsiteY786" fmla="*/ 6254408 h 6857967"/>
              <a:gd name="connsiteX787" fmla="*/ 1126612 w 12191941"/>
              <a:gd name="connsiteY787" fmla="*/ 6183107 h 6857967"/>
              <a:gd name="connsiteX788" fmla="*/ 912657 w 12191941"/>
              <a:gd name="connsiteY788" fmla="*/ 6183107 h 6857967"/>
              <a:gd name="connsiteX789" fmla="*/ 912657 w 12191941"/>
              <a:gd name="connsiteY789" fmla="*/ 6254408 h 6857967"/>
              <a:gd name="connsiteX790" fmla="*/ 983958 w 12191941"/>
              <a:gd name="connsiteY790" fmla="*/ 6254408 h 6857967"/>
              <a:gd name="connsiteX791" fmla="*/ 983958 w 12191941"/>
              <a:gd name="connsiteY791" fmla="*/ 6183107 h 6857967"/>
              <a:gd name="connsiteX792" fmla="*/ 771136 w 12191941"/>
              <a:gd name="connsiteY792" fmla="*/ 6183107 h 6857967"/>
              <a:gd name="connsiteX793" fmla="*/ 771136 w 12191941"/>
              <a:gd name="connsiteY793" fmla="*/ 6254408 h 6857967"/>
              <a:gd name="connsiteX794" fmla="*/ 842437 w 12191941"/>
              <a:gd name="connsiteY794" fmla="*/ 6254408 h 6857967"/>
              <a:gd name="connsiteX795" fmla="*/ 842437 w 12191941"/>
              <a:gd name="connsiteY795" fmla="*/ 6183107 h 6857967"/>
              <a:gd name="connsiteX796" fmla="*/ 628534 w 12191941"/>
              <a:gd name="connsiteY796" fmla="*/ 6183107 h 6857967"/>
              <a:gd name="connsiteX797" fmla="*/ 628534 w 12191941"/>
              <a:gd name="connsiteY797" fmla="*/ 6254408 h 6857967"/>
              <a:gd name="connsiteX798" fmla="*/ 699835 w 12191941"/>
              <a:gd name="connsiteY798" fmla="*/ 6254408 h 6857967"/>
              <a:gd name="connsiteX799" fmla="*/ 699835 w 12191941"/>
              <a:gd name="connsiteY799" fmla="*/ 6183107 h 6857967"/>
              <a:gd name="connsiteX800" fmla="*/ 485863 w 12191941"/>
              <a:gd name="connsiteY800" fmla="*/ 6183107 h 6857967"/>
              <a:gd name="connsiteX801" fmla="*/ 485863 w 12191941"/>
              <a:gd name="connsiteY801" fmla="*/ 6254408 h 6857967"/>
              <a:gd name="connsiteX802" fmla="*/ 557163 w 12191941"/>
              <a:gd name="connsiteY802" fmla="*/ 6254408 h 6857967"/>
              <a:gd name="connsiteX803" fmla="*/ 557163 w 12191941"/>
              <a:gd name="connsiteY803" fmla="*/ 6183107 h 6857967"/>
              <a:gd name="connsiteX804" fmla="*/ 343191 w 12191941"/>
              <a:gd name="connsiteY804" fmla="*/ 6183107 h 6857967"/>
              <a:gd name="connsiteX805" fmla="*/ 343191 w 12191941"/>
              <a:gd name="connsiteY805" fmla="*/ 6254408 h 6857967"/>
              <a:gd name="connsiteX806" fmla="*/ 414492 w 12191941"/>
              <a:gd name="connsiteY806" fmla="*/ 6254408 h 6857967"/>
              <a:gd name="connsiteX807" fmla="*/ 414492 w 12191941"/>
              <a:gd name="connsiteY807" fmla="*/ 6183107 h 6857967"/>
              <a:gd name="connsiteX808" fmla="*/ 200590 w 12191941"/>
              <a:gd name="connsiteY808" fmla="*/ 6183107 h 6857967"/>
              <a:gd name="connsiteX809" fmla="*/ 200590 w 12191941"/>
              <a:gd name="connsiteY809" fmla="*/ 6254408 h 6857967"/>
              <a:gd name="connsiteX810" fmla="*/ 271891 w 12191941"/>
              <a:gd name="connsiteY810" fmla="*/ 6254408 h 6857967"/>
              <a:gd name="connsiteX811" fmla="*/ 271891 w 12191941"/>
              <a:gd name="connsiteY811" fmla="*/ 6183107 h 6857967"/>
              <a:gd name="connsiteX812" fmla="*/ 57918 w 12191941"/>
              <a:gd name="connsiteY812" fmla="*/ 6183107 h 6857967"/>
              <a:gd name="connsiteX813" fmla="*/ 57918 w 12191941"/>
              <a:gd name="connsiteY813" fmla="*/ 6254408 h 6857967"/>
              <a:gd name="connsiteX814" fmla="*/ 129219 w 12191941"/>
              <a:gd name="connsiteY814" fmla="*/ 6254408 h 6857967"/>
              <a:gd name="connsiteX815" fmla="*/ 129219 w 12191941"/>
              <a:gd name="connsiteY815" fmla="*/ 6183107 h 6857967"/>
              <a:gd name="connsiteX816" fmla="*/ 10040665 w 12191941"/>
              <a:gd name="connsiteY816" fmla="*/ 6040435 h 6857967"/>
              <a:gd name="connsiteX817" fmla="*/ 10040665 w 12191941"/>
              <a:gd name="connsiteY817" fmla="*/ 6111736 h 6857967"/>
              <a:gd name="connsiteX818" fmla="*/ 10111966 w 12191941"/>
              <a:gd name="connsiteY818" fmla="*/ 6111736 h 6857967"/>
              <a:gd name="connsiteX819" fmla="*/ 10111966 w 12191941"/>
              <a:gd name="connsiteY819" fmla="*/ 6040435 h 6857967"/>
              <a:gd name="connsiteX820" fmla="*/ 9898063 w 12191941"/>
              <a:gd name="connsiteY820" fmla="*/ 6040435 h 6857967"/>
              <a:gd name="connsiteX821" fmla="*/ 9898063 w 12191941"/>
              <a:gd name="connsiteY821" fmla="*/ 6111736 h 6857967"/>
              <a:gd name="connsiteX822" fmla="*/ 9969363 w 12191941"/>
              <a:gd name="connsiteY822" fmla="*/ 6111736 h 6857967"/>
              <a:gd name="connsiteX823" fmla="*/ 9969363 w 12191941"/>
              <a:gd name="connsiteY823" fmla="*/ 6040435 h 6857967"/>
              <a:gd name="connsiteX824" fmla="*/ 9755391 w 12191941"/>
              <a:gd name="connsiteY824" fmla="*/ 6040435 h 6857967"/>
              <a:gd name="connsiteX825" fmla="*/ 9755391 w 12191941"/>
              <a:gd name="connsiteY825" fmla="*/ 6111736 h 6857967"/>
              <a:gd name="connsiteX826" fmla="*/ 9826692 w 12191941"/>
              <a:gd name="connsiteY826" fmla="*/ 6111736 h 6857967"/>
              <a:gd name="connsiteX827" fmla="*/ 9826692 w 12191941"/>
              <a:gd name="connsiteY827" fmla="*/ 6040435 h 6857967"/>
              <a:gd name="connsiteX828" fmla="*/ 9612718 w 12191941"/>
              <a:gd name="connsiteY828" fmla="*/ 6040435 h 6857967"/>
              <a:gd name="connsiteX829" fmla="*/ 9612718 w 12191941"/>
              <a:gd name="connsiteY829" fmla="*/ 6111736 h 6857967"/>
              <a:gd name="connsiteX830" fmla="*/ 9684019 w 12191941"/>
              <a:gd name="connsiteY830" fmla="*/ 6111736 h 6857967"/>
              <a:gd name="connsiteX831" fmla="*/ 9684019 w 12191941"/>
              <a:gd name="connsiteY831" fmla="*/ 6040435 h 6857967"/>
              <a:gd name="connsiteX832" fmla="*/ 9470117 w 12191941"/>
              <a:gd name="connsiteY832" fmla="*/ 6040435 h 6857967"/>
              <a:gd name="connsiteX833" fmla="*/ 9470117 w 12191941"/>
              <a:gd name="connsiteY833" fmla="*/ 6111736 h 6857967"/>
              <a:gd name="connsiteX834" fmla="*/ 9541417 w 12191941"/>
              <a:gd name="connsiteY834" fmla="*/ 6111736 h 6857967"/>
              <a:gd name="connsiteX835" fmla="*/ 9541417 w 12191941"/>
              <a:gd name="connsiteY835" fmla="*/ 6040435 h 6857967"/>
              <a:gd name="connsiteX836" fmla="*/ 9327444 w 12191941"/>
              <a:gd name="connsiteY836" fmla="*/ 6040435 h 6857967"/>
              <a:gd name="connsiteX837" fmla="*/ 9327444 w 12191941"/>
              <a:gd name="connsiteY837" fmla="*/ 6111736 h 6857967"/>
              <a:gd name="connsiteX838" fmla="*/ 9398745 w 12191941"/>
              <a:gd name="connsiteY838" fmla="*/ 6111736 h 6857967"/>
              <a:gd name="connsiteX839" fmla="*/ 9398745 w 12191941"/>
              <a:gd name="connsiteY839" fmla="*/ 6040435 h 6857967"/>
              <a:gd name="connsiteX840" fmla="*/ 9184842 w 12191941"/>
              <a:gd name="connsiteY840" fmla="*/ 6040435 h 6857967"/>
              <a:gd name="connsiteX841" fmla="*/ 9184842 w 12191941"/>
              <a:gd name="connsiteY841" fmla="*/ 6111736 h 6857967"/>
              <a:gd name="connsiteX842" fmla="*/ 9256143 w 12191941"/>
              <a:gd name="connsiteY842" fmla="*/ 6111736 h 6857967"/>
              <a:gd name="connsiteX843" fmla="*/ 9256143 w 12191941"/>
              <a:gd name="connsiteY843" fmla="*/ 6040435 h 6857967"/>
              <a:gd name="connsiteX844" fmla="*/ 9042170 w 12191941"/>
              <a:gd name="connsiteY844" fmla="*/ 6040435 h 6857967"/>
              <a:gd name="connsiteX845" fmla="*/ 9042170 w 12191941"/>
              <a:gd name="connsiteY845" fmla="*/ 6111736 h 6857967"/>
              <a:gd name="connsiteX846" fmla="*/ 9113471 w 12191941"/>
              <a:gd name="connsiteY846" fmla="*/ 6111736 h 6857967"/>
              <a:gd name="connsiteX847" fmla="*/ 9113471 w 12191941"/>
              <a:gd name="connsiteY847" fmla="*/ 6040435 h 6857967"/>
              <a:gd name="connsiteX848" fmla="*/ 8899568 w 12191941"/>
              <a:gd name="connsiteY848" fmla="*/ 6040435 h 6857967"/>
              <a:gd name="connsiteX849" fmla="*/ 8899568 w 12191941"/>
              <a:gd name="connsiteY849" fmla="*/ 6111736 h 6857967"/>
              <a:gd name="connsiteX850" fmla="*/ 8970869 w 12191941"/>
              <a:gd name="connsiteY850" fmla="*/ 6111736 h 6857967"/>
              <a:gd name="connsiteX851" fmla="*/ 8970869 w 12191941"/>
              <a:gd name="connsiteY851" fmla="*/ 6040435 h 6857967"/>
              <a:gd name="connsiteX852" fmla="*/ 8756896 w 12191941"/>
              <a:gd name="connsiteY852" fmla="*/ 6040435 h 6857967"/>
              <a:gd name="connsiteX853" fmla="*/ 8756896 w 12191941"/>
              <a:gd name="connsiteY853" fmla="*/ 6111736 h 6857967"/>
              <a:gd name="connsiteX854" fmla="*/ 8828196 w 12191941"/>
              <a:gd name="connsiteY854" fmla="*/ 6111736 h 6857967"/>
              <a:gd name="connsiteX855" fmla="*/ 8828196 w 12191941"/>
              <a:gd name="connsiteY855" fmla="*/ 6040435 h 6857967"/>
              <a:gd name="connsiteX856" fmla="*/ 8614223 w 12191941"/>
              <a:gd name="connsiteY856" fmla="*/ 6040435 h 6857967"/>
              <a:gd name="connsiteX857" fmla="*/ 8614223 w 12191941"/>
              <a:gd name="connsiteY857" fmla="*/ 6111736 h 6857967"/>
              <a:gd name="connsiteX858" fmla="*/ 8685524 w 12191941"/>
              <a:gd name="connsiteY858" fmla="*/ 6111736 h 6857967"/>
              <a:gd name="connsiteX859" fmla="*/ 8685524 w 12191941"/>
              <a:gd name="connsiteY859" fmla="*/ 6040435 h 6857967"/>
              <a:gd name="connsiteX860" fmla="*/ 8471622 w 12191941"/>
              <a:gd name="connsiteY860" fmla="*/ 6040435 h 6857967"/>
              <a:gd name="connsiteX861" fmla="*/ 8471622 w 12191941"/>
              <a:gd name="connsiteY861" fmla="*/ 6111736 h 6857967"/>
              <a:gd name="connsiteX862" fmla="*/ 8542923 w 12191941"/>
              <a:gd name="connsiteY862" fmla="*/ 6111736 h 6857967"/>
              <a:gd name="connsiteX863" fmla="*/ 8542923 w 12191941"/>
              <a:gd name="connsiteY863" fmla="*/ 6040435 h 6857967"/>
              <a:gd name="connsiteX864" fmla="*/ 8328949 w 12191941"/>
              <a:gd name="connsiteY864" fmla="*/ 6040435 h 6857967"/>
              <a:gd name="connsiteX865" fmla="*/ 8328949 w 12191941"/>
              <a:gd name="connsiteY865" fmla="*/ 6111736 h 6857967"/>
              <a:gd name="connsiteX866" fmla="*/ 8400250 w 12191941"/>
              <a:gd name="connsiteY866" fmla="*/ 6111736 h 6857967"/>
              <a:gd name="connsiteX867" fmla="*/ 8400250 w 12191941"/>
              <a:gd name="connsiteY867" fmla="*/ 6040435 h 6857967"/>
              <a:gd name="connsiteX868" fmla="*/ 8186348 w 12191941"/>
              <a:gd name="connsiteY868" fmla="*/ 6040435 h 6857967"/>
              <a:gd name="connsiteX869" fmla="*/ 8186348 w 12191941"/>
              <a:gd name="connsiteY869" fmla="*/ 6111736 h 6857967"/>
              <a:gd name="connsiteX870" fmla="*/ 8257649 w 12191941"/>
              <a:gd name="connsiteY870" fmla="*/ 6111736 h 6857967"/>
              <a:gd name="connsiteX871" fmla="*/ 8257649 w 12191941"/>
              <a:gd name="connsiteY871" fmla="*/ 6040435 h 6857967"/>
              <a:gd name="connsiteX872" fmla="*/ 8043675 w 12191941"/>
              <a:gd name="connsiteY872" fmla="*/ 6040435 h 6857967"/>
              <a:gd name="connsiteX873" fmla="*/ 8043675 w 12191941"/>
              <a:gd name="connsiteY873" fmla="*/ 6111736 h 6857967"/>
              <a:gd name="connsiteX874" fmla="*/ 8114976 w 12191941"/>
              <a:gd name="connsiteY874" fmla="*/ 6111736 h 6857967"/>
              <a:gd name="connsiteX875" fmla="*/ 8114976 w 12191941"/>
              <a:gd name="connsiteY875" fmla="*/ 6040435 h 6857967"/>
              <a:gd name="connsiteX876" fmla="*/ 7901003 w 12191941"/>
              <a:gd name="connsiteY876" fmla="*/ 6040435 h 6857967"/>
              <a:gd name="connsiteX877" fmla="*/ 7901003 w 12191941"/>
              <a:gd name="connsiteY877" fmla="*/ 6111736 h 6857967"/>
              <a:gd name="connsiteX878" fmla="*/ 7972304 w 12191941"/>
              <a:gd name="connsiteY878" fmla="*/ 6111736 h 6857967"/>
              <a:gd name="connsiteX879" fmla="*/ 7972304 w 12191941"/>
              <a:gd name="connsiteY879" fmla="*/ 6040435 h 6857967"/>
              <a:gd name="connsiteX880" fmla="*/ 7758401 w 12191941"/>
              <a:gd name="connsiteY880" fmla="*/ 6040435 h 6857967"/>
              <a:gd name="connsiteX881" fmla="*/ 7758401 w 12191941"/>
              <a:gd name="connsiteY881" fmla="*/ 6111736 h 6857967"/>
              <a:gd name="connsiteX882" fmla="*/ 7829702 w 12191941"/>
              <a:gd name="connsiteY882" fmla="*/ 6111736 h 6857967"/>
              <a:gd name="connsiteX883" fmla="*/ 7829702 w 12191941"/>
              <a:gd name="connsiteY883" fmla="*/ 6040435 h 6857967"/>
              <a:gd name="connsiteX884" fmla="*/ 7615728 w 12191941"/>
              <a:gd name="connsiteY884" fmla="*/ 6040435 h 6857967"/>
              <a:gd name="connsiteX885" fmla="*/ 7615728 w 12191941"/>
              <a:gd name="connsiteY885" fmla="*/ 6111736 h 6857967"/>
              <a:gd name="connsiteX886" fmla="*/ 7687029 w 12191941"/>
              <a:gd name="connsiteY886" fmla="*/ 6111736 h 6857967"/>
              <a:gd name="connsiteX887" fmla="*/ 7687029 w 12191941"/>
              <a:gd name="connsiteY887" fmla="*/ 6040435 h 6857967"/>
              <a:gd name="connsiteX888" fmla="*/ 7473127 w 12191941"/>
              <a:gd name="connsiteY888" fmla="*/ 6040435 h 6857967"/>
              <a:gd name="connsiteX889" fmla="*/ 7473127 w 12191941"/>
              <a:gd name="connsiteY889" fmla="*/ 6111736 h 6857967"/>
              <a:gd name="connsiteX890" fmla="*/ 7544428 w 12191941"/>
              <a:gd name="connsiteY890" fmla="*/ 6111736 h 6857967"/>
              <a:gd name="connsiteX891" fmla="*/ 7544428 w 12191941"/>
              <a:gd name="connsiteY891" fmla="*/ 6040435 h 6857967"/>
              <a:gd name="connsiteX892" fmla="*/ 7330454 w 12191941"/>
              <a:gd name="connsiteY892" fmla="*/ 6040435 h 6857967"/>
              <a:gd name="connsiteX893" fmla="*/ 7330454 w 12191941"/>
              <a:gd name="connsiteY893" fmla="*/ 6111736 h 6857967"/>
              <a:gd name="connsiteX894" fmla="*/ 7401755 w 12191941"/>
              <a:gd name="connsiteY894" fmla="*/ 6111736 h 6857967"/>
              <a:gd name="connsiteX895" fmla="*/ 7401755 w 12191941"/>
              <a:gd name="connsiteY895" fmla="*/ 6040435 h 6857967"/>
              <a:gd name="connsiteX896" fmla="*/ 7187853 w 12191941"/>
              <a:gd name="connsiteY896" fmla="*/ 6040435 h 6857967"/>
              <a:gd name="connsiteX897" fmla="*/ 7187853 w 12191941"/>
              <a:gd name="connsiteY897" fmla="*/ 6111736 h 6857967"/>
              <a:gd name="connsiteX898" fmla="*/ 7259154 w 12191941"/>
              <a:gd name="connsiteY898" fmla="*/ 6111736 h 6857967"/>
              <a:gd name="connsiteX899" fmla="*/ 7259154 w 12191941"/>
              <a:gd name="connsiteY899" fmla="*/ 6040435 h 6857967"/>
              <a:gd name="connsiteX900" fmla="*/ 7045180 w 12191941"/>
              <a:gd name="connsiteY900" fmla="*/ 6040435 h 6857967"/>
              <a:gd name="connsiteX901" fmla="*/ 7045180 w 12191941"/>
              <a:gd name="connsiteY901" fmla="*/ 6111736 h 6857967"/>
              <a:gd name="connsiteX902" fmla="*/ 7116481 w 12191941"/>
              <a:gd name="connsiteY902" fmla="*/ 6111736 h 6857967"/>
              <a:gd name="connsiteX903" fmla="*/ 7116481 w 12191941"/>
              <a:gd name="connsiteY903" fmla="*/ 6040435 h 6857967"/>
              <a:gd name="connsiteX904" fmla="*/ 6902579 w 12191941"/>
              <a:gd name="connsiteY904" fmla="*/ 6040435 h 6857967"/>
              <a:gd name="connsiteX905" fmla="*/ 6902579 w 12191941"/>
              <a:gd name="connsiteY905" fmla="*/ 6111736 h 6857967"/>
              <a:gd name="connsiteX906" fmla="*/ 6973880 w 12191941"/>
              <a:gd name="connsiteY906" fmla="*/ 6111736 h 6857967"/>
              <a:gd name="connsiteX907" fmla="*/ 6973880 w 12191941"/>
              <a:gd name="connsiteY907" fmla="*/ 6040435 h 6857967"/>
              <a:gd name="connsiteX908" fmla="*/ 6759906 w 12191941"/>
              <a:gd name="connsiteY908" fmla="*/ 6040435 h 6857967"/>
              <a:gd name="connsiteX909" fmla="*/ 6759906 w 12191941"/>
              <a:gd name="connsiteY909" fmla="*/ 6111736 h 6857967"/>
              <a:gd name="connsiteX910" fmla="*/ 6831207 w 12191941"/>
              <a:gd name="connsiteY910" fmla="*/ 6111736 h 6857967"/>
              <a:gd name="connsiteX911" fmla="*/ 6831207 w 12191941"/>
              <a:gd name="connsiteY911" fmla="*/ 6040435 h 6857967"/>
              <a:gd name="connsiteX912" fmla="*/ 6617234 w 12191941"/>
              <a:gd name="connsiteY912" fmla="*/ 6040435 h 6857967"/>
              <a:gd name="connsiteX913" fmla="*/ 6617234 w 12191941"/>
              <a:gd name="connsiteY913" fmla="*/ 6111736 h 6857967"/>
              <a:gd name="connsiteX914" fmla="*/ 6688535 w 12191941"/>
              <a:gd name="connsiteY914" fmla="*/ 6111736 h 6857967"/>
              <a:gd name="connsiteX915" fmla="*/ 6688535 w 12191941"/>
              <a:gd name="connsiteY915" fmla="*/ 6040435 h 6857967"/>
              <a:gd name="connsiteX916" fmla="*/ 6474632 w 12191941"/>
              <a:gd name="connsiteY916" fmla="*/ 6040435 h 6857967"/>
              <a:gd name="connsiteX917" fmla="*/ 6474632 w 12191941"/>
              <a:gd name="connsiteY917" fmla="*/ 6111736 h 6857967"/>
              <a:gd name="connsiteX918" fmla="*/ 6545933 w 12191941"/>
              <a:gd name="connsiteY918" fmla="*/ 6111736 h 6857967"/>
              <a:gd name="connsiteX919" fmla="*/ 6545933 w 12191941"/>
              <a:gd name="connsiteY919" fmla="*/ 6040435 h 6857967"/>
              <a:gd name="connsiteX920" fmla="*/ 6331959 w 12191941"/>
              <a:gd name="connsiteY920" fmla="*/ 6040435 h 6857967"/>
              <a:gd name="connsiteX921" fmla="*/ 6331959 w 12191941"/>
              <a:gd name="connsiteY921" fmla="*/ 6111736 h 6857967"/>
              <a:gd name="connsiteX922" fmla="*/ 6403260 w 12191941"/>
              <a:gd name="connsiteY922" fmla="*/ 6111736 h 6857967"/>
              <a:gd name="connsiteX923" fmla="*/ 6403260 w 12191941"/>
              <a:gd name="connsiteY923" fmla="*/ 6040435 h 6857967"/>
              <a:gd name="connsiteX924" fmla="*/ 6189358 w 12191941"/>
              <a:gd name="connsiteY924" fmla="*/ 6040435 h 6857967"/>
              <a:gd name="connsiteX925" fmla="*/ 6189358 w 12191941"/>
              <a:gd name="connsiteY925" fmla="*/ 6111736 h 6857967"/>
              <a:gd name="connsiteX926" fmla="*/ 6260659 w 12191941"/>
              <a:gd name="connsiteY926" fmla="*/ 6111736 h 6857967"/>
              <a:gd name="connsiteX927" fmla="*/ 6260659 w 12191941"/>
              <a:gd name="connsiteY927" fmla="*/ 6040435 h 6857967"/>
              <a:gd name="connsiteX928" fmla="*/ 6046689 w 12191941"/>
              <a:gd name="connsiteY928" fmla="*/ 6040435 h 6857967"/>
              <a:gd name="connsiteX929" fmla="*/ 6046689 w 12191941"/>
              <a:gd name="connsiteY929" fmla="*/ 6111736 h 6857967"/>
              <a:gd name="connsiteX930" fmla="*/ 6117986 w 12191941"/>
              <a:gd name="connsiteY930" fmla="*/ 6111736 h 6857967"/>
              <a:gd name="connsiteX931" fmla="*/ 6117986 w 12191941"/>
              <a:gd name="connsiteY931" fmla="*/ 6040435 h 6857967"/>
              <a:gd name="connsiteX932" fmla="*/ 5904022 w 12191941"/>
              <a:gd name="connsiteY932" fmla="*/ 6040435 h 6857967"/>
              <a:gd name="connsiteX933" fmla="*/ 5904022 w 12191941"/>
              <a:gd name="connsiteY933" fmla="*/ 6111736 h 6857967"/>
              <a:gd name="connsiteX934" fmla="*/ 5975319 w 12191941"/>
              <a:gd name="connsiteY934" fmla="*/ 6111736 h 6857967"/>
              <a:gd name="connsiteX935" fmla="*/ 5975319 w 12191941"/>
              <a:gd name="connsiteY935" fmla="*/ 6040435 h 6857967"/>
              <a:gd name="connsiteX936" fmla="*/ 5761426 w 12191941"/>
              <a:gd name="connsiteY936" fmla="*/ 6040435 h 6857967"/>
              <a:gd name="connsiteX937" fmla="*/ 5761426 w 12191941"/>
              <a:gd name="connsiteY937" fmla="*/ 6111736 h 6857967"/>
              <a:gd name="connsiteX938" fmla="*/ 5832724 w 12191941"/>
              <a:gd name="connsiteY938" fmla="*/ 6111736 h 6857967"/>
              <a:gd name="connsiteX939" fmla="*/ 5832724 w 12191941"/>
              <a:gd name="connsiteY939" fmla="*/ 6040435 h 6857967"/>
              <a:gd name="connsiteX940" fmla="*/ 5618761 w 12191941"/>
              <a:gd name="connsiteY940" fmla="*/ 6040435 h 6857967"/>
              <a:gd name="connsiteX941" fmla="*/ 5618761 w 12191941"/>
              <a:gd name="connsiteY941" fmla="*/ 6111736 h 6857967"/>
              <a:gd name="connsiteX942" fmla="*/ 5690059 w 12191941"/>
              <a:gd name="connsiteY942" fmla="*/ 6111736 h 6857967"/>
              <a:gd name="connsiteX943" fmla="*/ 5690059 w 12191941"/>
              <a:gd name="connsiteY943" fmla="*/ 6040435 h 6857967"/>
              <a:gd name="connsiteX944" fmla="*/ 5476167 w 12191941"/>
              <a:gd name="connsiteY944" fmla="*/ 6040435 h 6857967"/>
              <a:gd name="connsiteX945" fmla="*/ 5476167 w 12191941"/>
              <a:gd name="connsiteY945" fmla="*/ 6111736 h 6857967"/>
              <a:gd name="connsiteX946" fmla="*/ 5547465 w 12191941"/>
              <a:gd name="connsiteY946" fmla="*/ 6111736 h 6857967"/>
              <a:gd name="connsiteX947" fmla="*/ 5547465 w 12191941"/>
              <a:gd name="connsiteY947" fmla="*/ 6040435 h 6857967"/>
              <a:gd name="connsiteX948" fmla="*/ 5333502 w 12191941"/>
              <a:gd name="connsiteY948" fmla="*/ 6040435 h 6857967"/>
              <a:gd name="connsiteX949" fmla="*/ 5333502 w 12191941"/>
              <a:gd name="connsiteY949" fmla="*/ 6111736 h 6857967"/>
              <a:gd name="connsiteX950" fmla="*/ 5404800 w 12191941"/>
              <a:gd name="connsiteY950" fmla="*/ 6111736 h 6857967"/>
              <a:gd name="connsiteX951" fmla="*/ 5404800 w 12191941"/>
              <a:gd name="connsiteY951" fmla="*/ 6040435 h 6857967"/>
              <a:gd name="connsiteX952" fmla="*/ 5190877 w 12191941"/>
              <a:gd name="connsiteY952" fmla="*/ 6040435 h 6857967"/>
              <a:gd name="connsiteX953" fmla="*/ 5190877 w 12191941"/>
              <a:gd name="connsiteY953" fmla="*/ 6111736 h 6857967"/>
              <a:gd name="connsiteX954" fmla="*/ 5262188 w 12191941"/>
              <a:gd name="connsiteY954" fmla="*/ 6111736 h 6857967"/>
              <a:gd name="connsiteX955" fmla="*/ 5262188 w 12191941"/>
              <a:gd name="connsiteY955" fmla="*/ 6040435 h 6857967"/>
              <a:gd name="connsiteX956" fmla="*/ 5048236 w 12191941"/>
              <a:gd name="connsiteY956" fmla="*/ 6040435 h 6857967"/>
              <a:gd name="connsiteX957" fmla="*/ 5048236 w 12191941"/>
              <a:gd name="connsiteY957" fmla="*/ 6111736 h 6857967"/>
              <a:gd name="connsiteX958" fmla="*/ 5119527 w 12191941"/>
              <a:gd name="connsiteY958" fmla="*/ 6111736 h 6857967"/>
              <a:gd name="connsiteX959" fmla="*/ 5119527 w 12191941"/>
              <a:gd name="connsiteY959" fmla="*/ 6040435 h 6857967"/>
              <a:gd name="connsiteX960" fmla="*/ 4906607 w 12191941"/>
              <a:gd name="connsiteY960" fmla="*/ 6040435 h 6857967"/>
              <a:gd name="connsiteX961" fmla="*/ 4906607 w 12191941"/>
              <a:gd name="connsiteY961" fmla="*/ 6111736 h 6857967"/>
              <a:gd name="connsiteX962" fmla="*/ 4977916 w 12191941"/>
              <a:gd name="connsiteY962" fmla="*/ 6111736 h 6857967"/>
              <a:gd name="connsiteX963" fmla="*/ 4977916 w 12191941"/>
              <a:gd name="connsiteY963" fmla="*/ 6040435 h 6857967"/>
              <a:gd name="connsiteX964" fmla="*/ 4764013 w 12191941"/>
              <a:gd name="connsiteY964" fmla="*/ 6040435 h 6857967"/>
              <a:gd name="connsiteX965" fmla="*/ 4764013 w 12191941"/>
              <a:gd name="connsiteY965" fmla="*/ 6111736 h 6857967"/>
              <a:gd name="connsiteX966" fmla="*/ 4835311 w 12191941"/>
              <a:gd name="connsiteY966" fmla="*/ 6111736 h 6857967"/>
              <a:gd name="connsiteX967" fmla="*/ 4835311 w 12191941"/>
              <a:gd name="connsiteY967" fmla="*/ 6040435 h 6857967"/>
              <a:gd name="connsiteX968" fmla="*/ 4621341 w 12191941"/>
              <a:gd name="connsiteY968" fmla="*/ 6040435 h 6857967"/>
              <a:gd name="connsiteX969" fmla="*/ 4621341 w 12191941"/>
              <a:gd name="connsiteY969" fmla="*/ 6111736 h 6857967"/>
              <a:gd name="connsiteX970" fmla="*/ 4692639 w 12191941"/>
              <a:gd name="connsiteY970" fmla="*/ 6111736 h 6857967"/>
              <a:gd name="connsiteX971" fmla="*/ 4692639 w 12191941"/>
              <a:gd name="connsiteY971" fmla="*/ 6040435 h 6857967"/>
              <a:gd name="connsiteX972" fmla="*/ 4478666 w 12191941"/>
              <a:gd name="connsiteY972" fmla="*/ 6040435 h 6857967"/>
              <a:gd name="connsiteX973" fmla="*/ 4478666 w 12191941"/>
              <a:gd name="connsiteY973" fmla="*/ 6111736 h 6857967"/>
              <a:gd name="connsiteX974" fmla="*/ 4549971 w 12191941"/>
              <a:gd name="connsiteY974" fmla="*/ 6111736 h 6857967"/>
              <a:gd name="connsiteX975" fmla="*/ 4549971 w 12191941"/>
              <a:gd name="connsiteY975" fmla="*/ 6040435 h 6857967"/>
              <a:gd name="connsiteX976" fmla="*/ 4336067 w 12191941"/>
              <a:gd name="connsiteY976" fmla="*/ 6040435 h 6857967"/>
              <a:gd name="connsiteX977" fmla="*/ 4336067 w 12191941"/>
              <a:gd name="connsiteY977" fmla="*/ 6111736 h 6857967"/>
              <a:gd name="connsiteX978" fmla="*/ 4407366 w 12191941"/>
              <a:gd name="connsiteY978" fmla="*/ 6111736 h 6857967"/>
              <a:gd name="connsiteX979" fmla="*/ 4407366 w 12191941"/>
              <a:gd name="connsiteY979" fmla="*/ 6040435 h 6857967"/>
              <a:gd name="connsiteX980" fmla="*/ 4193413 w 12191941"/>
              <a:gd name="connsiteY980" fmla="*/ 6040435 h 6857967"/>
              <a:gd name="connsiteX981" fmla="*/ 4193413 w 12191941"/>
              <a:gd name="connsiteY981" fmla="*/ 6111736 h 6857967"/>
              <a:gd name="connsiteX982" fmla="*/ 4264695 w 12191941"/>
              <a:gd name="connsiteY982" fmla="*/ 6111736 h 6857967"/>
              <a:gd name="connsiteX983" fmla="*/ 4264695 w 12191941"/>
              <a:gd name="connsiteY983" fmla="*/ 6040435 h 6857967"/>
              <a:gd name="connsiteX984" fmla="*/ 4050810 w 12191941"/>
              <a:gd name="connsiteY984" fmla="*/ 6040435 h 6857967"/>
              <a:gd name="connsiteX985" fmla="*/ 4050810 w 12191941"/>
              <a:gd name="connsiteY985" fmla="*/ 6111736 h 6857967"/>
              <a:gd name="connsiteX986" fmla="*/ 4122113 w 12191941"/>
              <a:gd name="connsiteY986" fmla="*/ 6111736 h 6857967"/>
              <a:gd name="connsiteX987" fmla="*/ 4122113 w 12191941"/>
              <a:gd name="connsiteY987" fmla="*/ 6040435 h 6857967"/>
              <a:gd name="connsiteX988" fmla="*/ 3908138 w 12191941"/>
              <a:gd name="connsiteY988" fmla="*/ 6040435 h 6857967"/>
              <a:gd name="connsiteX989" fmla="*/ 3908138 w 12191941"/>
              <a:gd name="connsiteY989" fmla="*/ 6111736 h 6857967"/>
              <a:gd name="connsiteX990" fmla="*/ 3979439 w 12191941"/>
              <a:gd name="connsiteY990" fmla="*/ 6111736 h 6857967"/>
              <a:gd name="connsiteX991" fmla="*/ 3979439 w 12191941"/>
              <a:gd name="connsiteY991" fmla="*/ 6040435 h 6857967"/>
              <a:gd name="connsiteX992" fmla="*/ 3765464 w 12191941"/>
              <a:gd name="connsiteY992" fmla="*/ 6040435 h 6857967"/>
              <a:gd name="connsiteX993" fmla="*/ 3765464 w 12191941"/>
              <a:gd name="connsiteY993" fmla="*/ 6111736 h 6857967"/>
              <a:gd name="connsiteX994" fmla="*/ 3836763 w 12191941"/>
              <a:gd name="connsiteY994" fmla="*/ 6111736 h 6857967"/>
              <a:gd name="connsiteX995" fmla="*/ 3836763 w 12191941"/>
              <a:gd name="connsiteY995" fmla="*/ 6040435 h 6857967"/>
              <a:gd name="connsiteX996" fmla="*/ 3622853 w 12191941"/>
              <a:gd name="connsiteY996" fmla="*/ 6040435 h 6857967"/>
              <a:gd name="connsiteX997" fmla="*/ 3622853 w 12191941"/>
              <a:gd name="connsiteY997" fmla="*/ 6111736 h 6857967"/>
              <a:gd name="connsiteX998" fmla="*/ 3694151 w 12191941"/>
              <a:gd name="connsiteY998" fmla="*/ 6111736 h 6857967"/>
              <a:gd name="connsiteX999" fmla="*/ 3694151 w 12191941"/>
              <a:gd name="connsiteY999" fmla="*/ 6040435 h 6857967"/>
              <a:gd name="connsiteX1000" fmla="*/ 3480203 w 12191941"/>
              <a:gd name="connsiteY1000" fmla="*/ 6040435 h 6857967"/>
              <a:gd name="connsiteX1001" fmla="*/ 3480203 w 12191941"/>
              <a:gd name="connsiteY1001" fmla="*/ 6111736 h 6857967"/>
              <a:gd name="connsiteX1002" fmla="*/ 3551511 w 12191941"/>
              <a:gd name="connsiteY1002" fmla="*/ 6111736 h 6857967"/>
              <a:gd name="connsiteX1003" fmla="*/ 3551511 w 12191941"/>
              <a:gd name="connsiteY1003" fmla="*/ 6040435 h 6857967"/>
              <a:gd name="connsiteX1004" fmla="*/ 3337579 w 12191941"/>
              <a:gd name="connsiteY1004" fmla="*/ 6040435 h 6857967"/>
              <a:gd name="connsiteX1005" fmla="*/ 3337579 w 12191941"/>
              <a:gd name="connsiteY1005" fmla="*/ 6111736 h 6857967"/>
              <a:gd name="connsiteX1006" fmla="*/ 3408880 w 12191941"/>
              <a:gd name="connsiteY1006" fmla="*/ 6111736 h 6857967"/>
              <a:gd name="connsiteX1007" fmla="*/ 3408880 w 12191941"/>
              <a:gd name="connsiteY1007" fmla="*/ 6040435 h 6857967"/>
              <a:gd name="connsiteX1008" fmla="*/ 3194906 w 12191941"/>
              <a:gd name="connsiteY1008" fmla="*/ 6040435 h 6857967"/>
              <a:gd name="connsiteX1009" fmla="*/ 3194906 w 12191941"/>
              <a:gd name="connsiteY1009" fmla="*/ 6111736 h 6857967"/>
              <a:gd name="connsiteX1010" fmla="*/ 3266208 w 12191941"/>
              <a:gd name="connsiteY1010" fmla="*/ 6111736 h 6857967"/>
              <a:gd name="connsiteX1011" fmla="*/ 3266208 w 12191941"/>
              <a:gd name="connsiteY1011" fmla="*/ 6040435 h 6857967"/>
              <a:gd name="connsiteX1012" fmla="*/ 3052305 w 12191941"/>
              <a:gd name="connsiteY1012" fmla="*/ 6040435 h 6857967"/>
              <a:gd name="connsiteX1013" fmla="*/ 3052305 w 12191941"/>
              <a:gd name="connsiteY1013" fmla="*/ 6111736 h 6857967"/>
              <a:gd name="connsiteX1014" fmla="*/ 3123607 w 12191941"/>
              <a:gd name="connsiteY1014" fmla="*/ 6111736 h 6857967"/>
              <a:gd name="connsiteX1015" fmla="*/ 3123607 w 12191941"/>
              <a:gd name="connsiteY1015" fmla="*/ 6040435 h 6857967"/>
              <a:gd name="connsiteX1016" fmla="*/ 2909634 w 12191941"/>
              <a:gd name="connsiteY1016" fmla="*/ 6040435 h 6857967"/>
              <a:gd name="connsiteX1017" fmla="*/ 2909634 w 12191941"/>
              <a:gd name="connsiteY1017" fmla="*/ 6111736 h 6857967"/>
              <a:gd name="connsiteX1018" fmla="*/ 2980934 w 12191941"/>
              <a:gd name="connsiteY1018" fmla="*/ 6111736 h 6857967"/>
              <a:gd name="connsiteX1019" fmla="*/ 2980934 w 12191941"/>
              <a:gd name="connsiteY1019" fmla="*/ 6040435 h 6857967"/>
              <a:gd name="connsiteX1020" fmla="*/ 2767033 w 12191941"/>
              <a:gd name="connsiteY1020" fmla="*/ 6040435 h 6857967"/>
              <a:gd name="connsiteX1021" fmla="*/ 2767033 w 12191941"/>
              <a:gd name="connsiteY1021" fmla="*/ 6111736 h 6857967"/>
              <a:gd name="connsiteX1022" fmla="*/ 2838334 w 12191941"/>
              <a:gd name="connsiteY1022" fmla="*/ 6111736 h 6857967"/>
              <a:gd name="connsiteX1023" fmla="*/ 2838334 w 12191941"/>
              <a:gd name="connsiteY1023" fmla="*/ 6040435 h 6857967"/>
              <a:gd name="connsiteX1024" fmla="*/ 2624361 w 12191941"/>
              <a:gd name="connsiteY1024" fmla="*/ 6040435 h 6857967"/>
              <a:gd name="connsiteX1025" fmla="*/ 2624361 w 12191941"/>
              <a:gd name="connsiteY1025" fmla="*/ 6111736 h 6857967"/>
              <a:gd name="connsiteX1026" fmla="*/ 2695662 w 12191941"/>
              <a:gd name="connsiteY1026" fmla="*/ 6111736 h 6857967"/>
              <a:gd name="connsiteX1027" fmla="*/ 2695662 w 12191941"/>
              <a:gd name="connsiteY1027" fmla="*/ 6040435 h 6857967"/>
              <a:gd name="connsiteX1028" fmla="*/ 2481690 w 12191941"/>
              <a:gd name="connsiteY1028" fmla="*/ 6040435 h 6857967"/>
              <a:gd name="connsiteX1029" fmla="*/ 2481690 w 12191941"/>
              <a:gd name="connsiteY1029" fmla="*/ 6111736 h 6857967"/>
              <a:gd name="connsiteX1030" fmla="*/ 2552991 w 12191941"/>
              <a:gd name="connsiteY1030" fmla="*/ 6111736 h 6857967"/>
              <a:gd name="connsiteX1031" fmla="*/ 2552991 w 12191941"/>
              <a:gd name="connsiteY1031" fmla="*/ 6040435 h 6857967"/>
              <a:gd name="connsiteX1032" fmla="*/ 2339091 w 12191941"/>
              <a:gd name="connsiteY1032" fmla="*/ 6040435 h 6857967"/>
              <a:gd name="connsiteX1033" fmla="*/ 2339091 w 12191941"/>
              <a:gd name="connsiteY1033" fmla="*/ 6111736 h 6857967"/>
              <a:gd name="connsiteX1034" fmla="*/ 2410392 w 12191941"/>
              <a:gd name="connsiteY1034" fmla="*/ 6111736 h 6857967"/>
              <a:gd name="connsiteX1035" fmla="*/ 2410392 w 12191941"/>
              <a:gd name="connsiteY1035" fmla="*/ 6040435 h 6857967"/>
              <a:gd name="connsiteX1036" fmla="*/ 2196420 w 12191941"/>
              <a:gd name="connsiteY1036" fmla="*/ 6040435 h 6857967"/>
              <a:gd name="connsiteX1037" fmla="*/ 2196420 w 12191941"/>
              <a:gd name="connsiteY1037" fmla="*/ 6111736 h 6857967"/>
              <a:gd name="connsiteX1038" fmla="*/ 2267721 w 12191941"/>
              <a:gd name="connsiteY1038" fmla="*/ 6111736 h 6857967"/>
              <a:gd name="connsiteX1039" fmla="*/ 2267721 w 12191941"/>
              <a:gd name="connsiteY1039" fmla="*/ 6040435 h 6857967"/>
              <a:gd name="connsiteX1040" fmla="*/ 2053813 w 12191941"/>
              <a:gd name="connsiteY1040" fmla="*/ 6040435 h 6857967"/>
              <a:gd name="connsiteX1041" fmla="*/ 2053813 w 12191941"/>
              <a:gd name="connsiteY1041" fmla="*/ 6111736 h 6857967"/>
              <a:gd name="connsiteX1042" fmla="*/ 2125117 w 12191941"/>
              <a:gd name="connsiteY1042" fmla="*/ 6111736 h 6857967"/>
              <a:gd name="connsiteX1043" fmla="*/ 2125117 w 12191941"/>
              <a:gd name="connsiteY1043" fmla="*/ 6040435 h 6857967"/>
              <a:gd name="connsiteX1044" fmla="*/ 1911141 w 12191941"/>
              <a:gd name="connsiteY1044" fmla="*/ 6040435 h 6857967"/>
              <a:gd name="connsiteX1045" fmla="*/ 1911141 w 12191941"/>
              <a:gd name="connsiteY1045" fmla="*/ 6111736 h 6857967"/>
              <a:gd name="connsiteX1046" fmla="*/ 1982442 w 12191941"/>
              <a:gd name="connsiteY1046" fmla="*/ 6111736 h 6857967"/>
              <a:gd name="connsiteX1047" fmla="*/ 1982442 w 12191941"/>
              <a:gd name="connsiteY1047" fmla="*/ 6040435 h 6857967"/>
              <a:gd name="connsiteX1048" fmla="*/ 1768471 w 12191941"/>
              <a:gd name="connsiteY1048" fmla="*/ 6040435 h 6857967"/>
              <a:gd name="connsiteX1049" fmla="*/ 1768471 w 12191941"/>
              <a:gd name="connsiteY1049" fmla="*/ 6111736 h 6857967"/>
              <a:gd name="connsiteX1050" fmla="*/ 1839771 w 12191941"/>
              <a:gd name="connsiteY1050" fmla="*/ 6111736 h 6857967"/>
              <a:gd name="connsiteX1051" fmla="*/ 1839771 w 12191941"/>
              <a:gd name="connsiteY1051" fmla="*/ 6040435 h 6857967"/>
              <a:gd name="connsiteX1052" fmla="*/ 1625870 w 12191941"/>
              <a:gd name="connsiteY1052" fmla="*/ 6040435 h 6857967"/>
              <a:gd name="connsiteX1053" fmla="*/ 1625870 w 12191941"/>
              <a:gd name="connsiteY1053" fmla="*/ 6111736 h 6857967"/>
              <a:gd name="connsiteX1054" fmla="*/ 1697171 w 12191941"/>
              <a:gd name="connsiteY1054" fmla="*/ 6111736 h 6857967"/>
              <a:gd name="connsiteX1055" fmla="*/ 1697171 w 12191941"/>
              <a:gd name="connsiteY1055" fmla="*/ 6040435 h 6857967"/>
              <a:gd name="connsiteX1056" fmla="*/ 1483200 w 12191941"/>
              <a:gd name="connsiteY1056" fmla="*/ 6040435 h 6857967"/>
              <a:gd name="connsiteX1057" fmla="*/ 1483200 w 12191941"/>
              <a:gd name="connsiteY1057" fmla="*/ 6111736 h 6857967"/>
              <a:gd name="connsiteX1058" fmla="*/ 1554500 w 12191941"/>
              <a:gd name="connsiteY1058" fmla="*/ 6111736 h 6857967"/>
              <a:gd name="connsiteX1059" fmla="*/ 1554500 w 12191941"/>
              <a:gd name="connsiteY1059" fmla="*/ 6040435 h 6857967"/>
              <a:gd name="connsiteX1060" fmla="*/ 1340599 w 12191941"/>
              <a:gd name="connsiteY1060" fmla="*/ 6040435 h 6857967"/>
              <a:gd name="connsiteX1061" fmla="*/ 1340599 w 12191941"/>
              <a:gd name="connsiteY1061" fmla="*/ 6111736 h 6857967"/>
              <a:gd name="connsiteX1062" fmla="*/ 1411901 w 12191941"/>
              <a:gd name="connsiteY1062" fmla="*/ 6111736 h 6857967"/>
              <a:gd name="connsiteX1063" fmla="*/ 1411901 w 12191941"/>
              <a:gd name="connsiteY1063" fmla="*/ 6040435 h 6857967"/>
              <a:gd name="connsiteX1064" fmla="*/ 1197930 w 12191941"/>
              <a:gd name="connsiteY1064" fmla="*/ 6040435 h 6857967"/>
              <a:gd name="connsiteX1065" fmla="*/ 1197930 w 12191941"/>
              <a:gd name="connsiteY1065" fmla="*/ 6111736 h 6857967"/>
              <a:gd name="connsiteX1066" fmla="*/ 1269231 w 12191941"/>
              <a:gd name="connsiteY1066" fmla="*/ 6111736 h 6857967"/>
              <a:gd name="connsiteX1067" fmla="*/ 1269231 w 12191941"/>
              <a:gd name="connsiteY1067" fmla="*/ 6040435 h 6857967"/>
              <a:gd name="connsiteX1068" fmla="*/ 1055312 w 12191941"/>
              <a:gd name="connsiteY1068" fmla="*/ 6040435 h 6857967"/>
              <a:gd name="connsiteX1069" fmla="*/ 1055312 w 12191941"/>
              <a:gd name="connsiteY1069" fmla="*/ 6111736 h 6857967"/>
              <a:gd name="connsiteX1070" fmla="*/ 1126613 w 12191941"/>
              <a:gd name="connsiteY1070" fmla="*/ 6111736 h 6857967"/>
              <a:gd name="connsiteX1071" fmla="*/ 1126613 w 12191941"/>
              <a:gd name="connsiteY1071" fmla="*/ 6040435 h 6857967"/>
              <a:gd name="connsiteX1072" fmla="*/ 912657 w 12191941"/>
              <a:gd name="connsiteY1072" fmla="*/ 6040435 h 6857967"/>
              <a:gd name="connsiteX1073" fmla="*/ 912657 w 12191941"/>
              <a:gd name="connsiteY1073" fmla="*/ 6111736 h 6857967"/>
              <a:gd name="connsiteX1074" fmla="*/ 983958 w 12191941"/>
              <a:gd name="connsiteY1074" fmla="*/ 6111736 h 6857967"/>
              <a:gd name="connsiteX1075" fmla="*/ 983958 w 12191941"/>
              <a:gd name="connsiteY1075" fmla="*/ 6040435 h 6857967"/>
              <a:gd name="connsiteX1076" fmla="*/ 771136 w 12191941"/>
              <a:gd name="connsiteY1076" fmla="*/ 6040435 h 6857967"/>
              <a:gd name="connsiteX1077" fmla="*/ 771136 w 12191941"/>
              <a:gd name="connsiteY1077" fmla="*/ 6111736 h 6857967"/>
              <a:gd name="connsiteX1078" fmla="*/ 842437 w 12191941"/>
              <a:gd name="connsiteY1078" fmla="*/ 6111736 h 6857967"/>
              <a:gd name="connsiteX1079" fmla="*/ 842437 w 12191941"/>
              <a:gd name="connsiteY1079" fmla="*/ 6040435 h 6857967"/>
              <a:gd name="connsiteX1080" fmla="*/ 628535 w 12191941"/>
              <a:gd name="connsiteY1080" fmla="*/ 6040435 h 6857967"/>
              <a:gd name="connsiteX1081" fmla="*/ 628535 w 12191941"/>
              <a:gd name="connsiteY1081" fmla="*/ 6111736 h 6857967"/>
              <a:gd name="connsiteX1082" fmla="*/ 699836 w 12191941"/>
              <a:gd name="connsiteY1082" fmla="*/ 6111736 h 6857967"/>
              <a:gd name="connsiteX1083" fmla="*/ 699836 w 12191941"/>
              <a:gd name="connsiteY1083" fmla="*/ 6040435 h 6857967"/>
              <a:gd name="connsiteX1084" fmla="*/ 485863 w 12191941"/>
              <a:gd name="connsiteY1084" fmla="*/ 6040435 h 6857967"/>
              <a:gd name="connsiteX1085" fmla="*/ 485863 w 12191941"/>
              <a:gd name="connsiteY1085" fmla="*/ 6111736 h 6857967"/>
              <a:gd name="connsiteX1086" fmla="*/ 557163 w 12191941"/>
              <a:gd name="connsiteY1086" fmla="*/ 6111736 h 6857967"/>
              <a:gd name="connsiteX1087" fmla="*/ 557163 w 12191941"/>
              <a:gd name="connsiteY1087" fmla="*/ 6040435 h 6857967"/>
              <a:gd name="connsiteX1088" fmla="*/ 343191 w 12191941"/>
              <a:gd name="connsiteY1088" fmla="*/ 6040435 h 6857967"/>
              <a:gd name="connsiteX1089" fmla="*/ 343191 w 12191941"/>
              <a:gd name="connsiteY1089" fmla="*/ 6111736 h 6857967"/>
              <a:gd name="connsiteX1090" fmla="*/ 414492 w 12191941"/>
              <a:gd name="connsiteY1090" fmla="*/ 6111736 h 6857967"/>
              <a:gd name="connsiteX1091" fmla="*/ 414492 w 12191941"/>
              <a:gd name="connsiteY1091" fmla="*/ 6040435 h 6857967"/>
              <a:gd name="connsiteX1092" fmla="*/ 200591 w 12191941"/>
              <a:gd name="connsiteY1092" fmla="*/ 6040435 h 6857967"/>
              <a:gd name="connsiteX1093" fmla="*/ 200591 w 12191941"/>
              <a:gd name="connsiteY1093" fmla="*/ 6111736 h 6857967"/>
              <a:gd name="connsiteX1094" fmla="*/ 271892 w 12191941"/>
              <a:gd name="connsiteY1094" fmla="*/ 6111736 h 6857967"/>
              <a:gd name="connsiteX1095" fmla="*/ 271892 w 12191941"/>
              <a:gd name="connsiteY1095" fmla="*/ 6040435 h 6857967"/>
              <a:gd name="connsiteX1096" fmla="*/ 57918 w 12191941"/>
              <a:gd name="connsiteY1096" fmla="*/ 6040435 h 6857967"/>
              <a:gd name="connsiteX1097" fmla="*/ 57918 w 12191941"/>
              <a:gd name="connsiteY1097" fmla="*/ 6111736 h 6857967"/>
              <a:gd name="connsiteX1098" fmla="*/ 129219 w 12191941"/>
              <a:gd name="connsiteY1098" fmla="*/ 6111736 h 6857967"/>
              <a:gd name="connsiteX1099" fmla="*/ 129219 w 12191941"/>
              <a:gd name="connsiteY1099" fmla="*/ 6040435 h 6857967"/>
              <a:gd name="connsiteX1100" fmla="*/ 0 w 12191941"/>
              <a:gd name="connsiteY1100" fmla="*/ 0 h 6857967"/>
              <a:gd name="connsiteX1101" fmla="*/ 12191941 w 12191941"/>
              <a:gd name="connsiteY1101" fmla="*/ 0 h 6857967"/>
              <a:gd name="connsiteX1102" fmla="*/ 12191941 w 12191941"/>
              <a:gd name="connsiteY1102" fmla="*/ 6857967 h 6857967"/>
              <a:gd name="connsiteX1103" fmla="*/ 0 w 12191941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2191941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2" y="6474347"/>
                </a:moveTo>
                <a:lnTo>
                  <a:pt x="5904022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7" y="6545648"/>
                </a:lnTo>
                <a:lnTo>
                  <a:pt x="5119527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1" y="6474347"/>
                </a:moveTo>
                <a:lnTo>
                  <a:pt x="4621341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2" y="6325709"/>
                </a:moveTo>
                <a:lnTo>
                  <a:pt x="5904022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7" y="6397010"/>
                </a:lnTo>
                <a:lnTo>
                  <a:pt x="5119527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1" y="6325709"/>
                </a:moveTo>
                <a:lnTo>
                  <a:pt x="4621341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7" y="6325709"/>
                </a:moveTo>
                <a:lnTo>
                  <a:pt x="4336067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2" y="6183107"/>
                </a:moveTo>
                <a:lnTo>
                  <a:pt x="5904022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7" y="6254408"/>
                </a:lnTo>
                <a:lnTo>
                  <a:pt x="5119527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1" y="6183107"/>
                </a:moveTo>
                <a:lnTo>
                  <a:pt x="4621341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7" y="6183107"/>
                </a:moveTo>
                <a:lnTo>
                  <a:pt x="4336067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2" y="6040435"/>
                </a:moveTo>
                <a:lnTo>
                  <a:pt x="5904022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7" y="6111736"/>
                </a:lnTo>
                <a:lnTo>
                  <a:pt x="5119527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1" y="6040435"/>
                </a:moveTo>
                <a:lnTo>
                  <a:pt x="4621341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7" y="6040435"/>
                </a:moveTo>
                <a:lnTo>
                  <a:pt x="4336067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2191941" y="0"/>
                </a:lnTo>
                <a:lnTo>
                  <a:pt x="12191941" y="6857967"/>
                </a:lnTo>
                <a:lnTo>
                  <a:pt x="0" y="6857967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bIns="900000" anchor="b">
            <a:noAutofit/>
          </a:bodyPr>
          <a:lstStyle>
            <a:lvl1pPr marL="0" indent="0">
              <a:buNone/>
              <a:defRPr b="0"/>
            </a:lvl1pPr>
          </a:lstStyle>
          <a:p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hier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ies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fbeelding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de Templafy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bibliothee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óf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met de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rechtermuisknop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ies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voor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Opvulling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&gt;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fbeelding</a:t>
            </a:r>
            <a:endParaRPr lang="en-US"/>
          </a:p>
        </p:txBody>
      </p:sp>
      <p:sp>
        <p:nvSpPr>
          <p:cNvPr id="250" name="Text Placeholder 249">
            <a:extLst>
              <a:ext uri="{FF2B5EF4-FFF2-40B4-BE49-F238E27FC236}">
                <a16:creationId xmlns:a16="http://schemas.microsoft.com/office/drawing/2014/main" id="{E0748938-00AC-4F09-808F-788D0CB4BC5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auto">
          <a:xfrm>
            <a:off x="2711234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rgbClr val="0C2074">
              <a:alpha val="12941"/>
            </a:srgbClr>
          </a:solidFill>
          <a:ln>
            <a:noFill/>
          </a:ln>
        </p:spPr>
        <p:txBody>
          <a:bodyPr wrap="square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en-GB" smtClean="0"/>
              <a:t>13/02/2024</a:t>
            </a:fld>
            <a:endParaRPr lang="en-GB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/>
          </a:p>
        </p:txBody>
      </p:sp>
      <p:sp>
        <p:nvSpPr>
          <p:cNvPr id="80" name="Text Placeholder 2059">
            <a:extLst>
              <a:ext uri="{FF2B5EF4-FFF2-40B4-BE49-F238E27FC236}">
                <a16:creationId xmlns:a16="http://schemas.microsoft.com/office/drawing/2014/main" id="{09052932-03B9-4400-AE30-DE65E4F075D0}"/>
              </a:ext>
            </a:extLst>
          </p:cNvPr>
          <p:cNvSpPr>
            <a:spLocks noGrp="1"/>
          </p:cNvSpPr>
          <p:nvPr userDrawn="1"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err="1"/>
              <a:t>Subregel</a:t>
            </a:r>
            <a:r>
              <a:rPr lang="nl-NL"/>
              <a:t> (optioneel)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7702988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endParaRPr lang="nl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13/02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/>
            </a:lvl1pPr>
          </a:lstStyle>
          <a:p>
            <a:pPr lvl="0"/>
            <a:endParaRPr lang="nl-NL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title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3/02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/>
            </a:lvl1pPr>
          </a:lstStyle>
          <a:p>
            <a:pPr lvl="0"/>
            <a:endParaRPr lang="nl-NL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/>
            </a:lvl1pPr>
          </a:lstStyle>
          <a:p>
            <a:pPr lvl="0"/>
            <a:endParaRPr lang="nl-NL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title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13/02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13/02/2024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13/02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/>
          </a:p>
          <a:p>
            <a:pPr lvl="1"/>
            <a:endParaRPr lang="nl-NL" altLang="nl-NL"/>
          </a:p>
          <a:p>
            <a:pPr lvl="2"/>
            <a:endParaRPr lang="nl-NL" altLang="nl-NL"/>
          </a:p>
          <a:p>
            <a:pPr lvl="3"/>
            <a:endParaRPr lang="nl-NL" altLang="nl-NL"/>
          </a:p>
          <a:p>
            <a:pPr lvl="4"/>
            <a:endParaRPr lang="nl-NL" altLang="nl-NL"/>
          </a:p>
          <a:p>
            <a:pPr lvl="4"/>
            <a:endParaRPr lang="nl-NL" altLang="nl-NL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en-GB" smtClean="0"/>
              <a:pPr/>
              <a:t>13/02/2024</a:t>
            </a:fld>
            <a:endParaRPr lang="en-GB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en-GB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3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Relationship Id="rId6" Type="http://schemas.microsoft.com/office/2018/10/relationships/comments" Target="../comments/modernComment_101_BB007A44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6B2912E-8EF2-4834-B1B6-9EA8D8E7DEC6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70338" y="561104"/>
            <a:ext cx="5784258" cy="6025502"/>
          </a:xfrm>
          <a:noFill/>
          <a:ln>
            <a:noFill/>
          </a:ln>
        </p:spPr>
        <p:txBody>
          <a:bodyPr/>
          <a:lstStyle/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nl-NL" sz="1400" b="1" dirty="0"/>
              <a:t>Juanita Haagsma</a:t>
            </a:r>
            <a:r>
              <a:rPr lang="nl-NL" sz="1400" b="1" baseline="30000" dirty="0"/>
              <a:t>1</a:t>
            </a:r>
            <a:r>
              <a:rPr lang="nl-NL" sz="1400" b="1" dirty="0"/>
              <a:t>, Fanni Rencz</a:t>
            </a:r>
            <a:r>
              <a:rPr lang="nl-NL" sz="1400" b="1" baseline="30000" dirty="0"/>
              <a:t>2</a:t>
            </a:r>
            <a:r>
              <a:rPr lang="nl-NL" sz="1400" b="1" dirty="0"/>
              <a:t>, Bas Janssen</a:t>
            </a:r>
            <a:r>
              <a:rPr lang="nl-NL" sz="1400" b="1" baseline="30000" dirty="0"/>
              <a:t>1,3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nl-NL" sz="1400" dirty="0">
                <a:latin typeface="Calibri" panose="020F0502020204030204" pitchFamily="34" charset="0"/>
                <a:cs typeface="Calibri" panose="020F0502020204030204" pitchFamily="34" charset="0"/>
              </a:rPr>
              <a:t>1 Erasmus MC, The Netherlands, 2 </a:t>
            </a:r>
            <a:r>
              <a:rPr lang="nl-NL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Corvinus</a:t>
            </a:r>
            <a:r>
              <a:rPr lang="nl-NL" sz="1400" dirty="0">
                <a:latin typeface="Calibri" panose="020F0502020204030204" pitchFamily="34" charset="0"/>
                <a:cs typeface="Calibri" panose="020F0502020204030204" pitchFamily="34" charset="0"/>
              </a:rPr>
              <a:t> University of Budapest, Hungary 3 EuroQol Office. Contact: j.haagsma@erasmusmc.nl 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endParaRPr lang="nl-NL" sz="1400" b="1" dirty="0"/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nl-NL" sz="1400" b="1" dirty="0" err="1" smtClean="0">
                <a:latin typeface="Calibri" panose="020F0502020204030204" pitchFamily="34" charset="0"/>
                <a:cs typeface="Calibri" panose="020F0502020204030204" pitchFamily="34" charset="0"/>
              </a:rPr>
              <a:t>Objective</a:t>
            </a:r>
            <a:r>
              <a:rPr lang="nl-NL" sz="1400" b="1" dirty="0" smtClean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sz="1400" dirty="0">
                <a:latin typeface="Calibri" panose="020F0502020204030204" pitchFamily="34" charset="0"/>
                <a:cs typeface="Calibri" panose="020F0502020204030204" pitchFamily="34" charset="0"/>
              </a:rPr>
              <a:t>To determine the dimensionality of the EQ-5D-5L, 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WHO-5, GAD-7, PHQ-9, </a:t>
            </a:r>
            <a:r>
              <a:rPr lang="en-GB" sz="1400" dirty="0">
                <a:latin typeface="Calibri" panose="020F0502020204030204" pitchFamily="34" charset="0"/>
                <a:cs typeface="Calibri" panose="020F0502020204030204" pitchFamily="34" charset="0"/>
              </a:rPr>
              <a:t>EQ-HWB-S and 15 bolt-</a:t>
            </a:r>
            <a:r>
              <a:rPr lang="en-GB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ons</a:t>
            </a:r>
            <a:r>
              <a:rPr lang="en-GB" sz="1400" dirty="0">
                <a:latin typeface="Calibri" panose="020F0502020204030204" pitchFamily="34" charset="0"/>
                <a:cs typeface="Calibri" panose="020F0502020204030204" pitchFamily="34" charset="0"/>
              </a:rPr>
              <a:t>. 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nl-NL" sz="1400" b="1" dirty="0" err="1" smtClean="0">
                <a:latin typeface="Calibri" panose="020F0502020204030204" pitchFamily="34" charset="0"/>
                <a:cs typeface="Calibri" panose="020F0502020204030204" pitchFamily="34" charset="0"/>
              </a:rPr>
              <a:t>Methods</a:t>
            </a:r>
            <a:endParaRPr lang="nl-NL" sz="1400" b="1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lnSpc>
                <a:spcPct val="100000"/>
              </a:lnSpc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tudy design: Secondary analysis of cross-sectional POPCORN study data</a:t>
            </a:r>
          </a:p>
          <a:p>
            <a:pPr algn="just">
              <a:lnSpc>
                <a:spcPct val="100000"/>
              </a:lnSpc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Data collection: Web-based survey among general population samples from Italy (n=1784) and the United Kingdom (n=1452). </a:t>
            </a:r>
          </a:p>
          <a:p>
            <a:pPr algn="just">
              <a:lnSpc>
                <a:spcPct val="100000"/>
              </a:lnSpc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Outcome measures: EQ-5D-5L, EQ-HWB-S, WHO-5, PHQ-9, GAD-7 and 15 bolt-</a:t>
            </a:r>
            <a:r>
              <a:rPr lang="en-US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ons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(see Table 1).</a:t>
            </a:r>
          </a:p>
          <a:p>
            <a:pPr algn="just">
              <a:lnSpc>
                <a:spcPct val="100000"/>
              </a:lnSpc>
              <a:spcBef>
                <a:spcPts val="0"/>
              </a:spcBef>
            </a:pPr>
            <a:r>
              <a:rPr lang="en-GB" sz="1400" dirty="0">
                <a:latin typeface="Calibri" panose="020F0502020204030204" pitchFamily="34" charset="0"/>
                <a:cs typeface="Calibri" panose="020F0502020204030204" pitchFamily="34" charset="0"/>
              </a:rPr>
              <a:t>Data-analysis: We performed content analysis of the instruments and bolt-</a:t>
            </a:r>
            <a:r>
              <a:rPr lang="en-GB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ons</a:t>
            </a:r>
            <a:r>
              <a:rPr lang="en-GB" sz="1400" dirty="0">
                <a:latin typeface="Calibri" panose="020F0502020204030204" pitchFamily="34" charset="0"/>
                <a:cs typeface="Calibri" panose="020F0502020204030204" pitchFamily="34" charset="0"/>
              </a:rPr>
              <a:t> to provide a theoretical framework for results interpretation and principal component analysis  (PCA) to determine dimensionality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US" sz="1400" b="1" dirty="0" smtClean="0">
                <a:latin typeface="Calibri" panose="020F0502020204030204" pitchFamily="34" charset="0"/>
                <a:cs typeface="Calibri" panose="020F0502020204030204" pitchFamily="34" charset="0"/>
              </a:rPr>
              <a:t>Results</a:t>
            </a:r>
            <a:endParaRPr lang="en-US" sz="1400" b="1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GB" sz="1400" dirty="0">
                <a:latin typeface="Calibri" panose="020F0502020204030204" pitchFamily="34" charset="0"/>
                <a:cs typeface="Calibri" panose="020F0502020204030204" pitchFamily="34" charset="0"/>
              </a:rPr>
              <a:t>PCA resulted in seven components with an Eigenvalue greater than one. These factors explained 66% of total variance. For each instrument, the  number of items per factor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are shown in Table 1. 14 of 15 bolt-</a:t>
            </a:r>
            <a:r>
              <a:rPr lang="en-US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ons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loaded on a separate factor than any EQ-5D-5L item. </a:t>
            </a:r>
            <a:r>
              <a:rPr lang="en-GB" sz="1400" dirty="0">
                <a:latin typeface="Calibri" panose="020F0502020204030204" pitchFamily="34" charset="0"/>
                <a:cs typeface="Calibri" panose="020F0502020204030204" pitchFamily="34" charset="0"/>
              </a:rPr>
              <a:t>The PCA by country results showed that the EQ-5D-5L, WHO-5, GAD-7, PHQ-9, EQ-HWB-S and bolt-</a:t>
            </a:r>
            <a:r>
              <a:rPr lang="en-GB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ons</a:t>
            </a:r>
            <a:r>
              <a:rPr lang="en-GB" sz="1400" dirty="0">
                <a:latin typeface="Calibri" panose="020F0502020204030204" pitchFamily="34" charset="0"/>
                <a:cs typeface="Calibri" panose="020F0502020204030204" pitchFamily="34" charset="0"/>
              </a:rPr>
              <a:t> together measure six factors among respondents from the UK and eight factors among respondents from Italy.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GB" sz="1400" b="1" dirty="0" smtClean="0">
                <a:latin typeface="Calibri" panose="020F0502020204030204" pitchFamily="34" charset="0"/>
                <a:cs typeface="Calibri" panose="020F0502020204030204" pitchFamily="34" charset="0"/>
              </a:rPr>
              <a:t>Conclusions </a:t>
            </a:r>
            <a:endParaRPr lang="en-GB" sz="1400" b="1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GB" sz="1400" dirty="0">
                <a:latin typeface="Calibri" panose="020F0502020204030204" pitchFamily="34" charset="0"/>
                <a:cs typeface="Calibri" panose="020F0502020204030204" pitchFamily="34" charset="0"/>
              </a:rPr>
              <a:t>The 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EQ-5D-5L, WHO-5, GAD-7, PHQ-9, EQ-HWB-S and bolt-</a:t>
            </a:r>
            <a:r>
              <a:rPr lang="en-AU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ons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 measure seven factors. Results differ across respondents from Italy and the UK. 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US" sz="1400" b="1" dirty="0" smtClean="0">
                <a:latin typeface="Calibri" panose="020F0502020204030204" pitchFamily="34" charset="0"/>
                <a:cs typeface="Calibri" panose="020F0502020204030204" pitchFamily="34" charset="0"/>
              </a:rPr>
              <a:t>Funding </a:t>
            </a:r>
            <a:endParaRPr lang="en-US" sz="1400" b="1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he POPCORN study was funded by the EuroQol Research Foundation (grant number 238-2020RA). 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endParaRPr lang="en-GB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lnSpc>
                <a:spcPct val="100000"/>
              </a:lnSpc>
              <a:spcBef>
                <a:spcPts val="0"/>
              </a:spcBef>
            </a:pPr>
            <a:endParaRPr lang="en-US" sz="1600" dirty="0"/>
          </a:p>
        </p:txBody>
      </p:sp>
      <p:sp>
        <p:nvSpPr>
          <p:cNvPr id="14" name="Title 13">
            <a:extLst>
              <a:ext uri="{FF2B5EF4-FFF2-40B4-BE49-F238E27FC236}">
                <a16:creationId xmlns:a16="http://schemas.microsoft.com/office/drawing/2014/main" id="{F4A82614-4494-4480-BBFF-2418489CD5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76093" y="195927"/>
            <a:ext cx="11661342" cy="648000"/>
          </a:xfrm>
        </p:spPr>
        <p:txBody>
          <a:bodyPr>
            <a:normAutofit fontScale="90000"/>
          </a:bodyPr>
          <a:lstStyle/>
          <a:p>
            <a:r>
              <a:rPr lang="en-AU" sz="2700" dirty="0">
                <a:latin typeface="Calibri Light" panose="020F0302020204030204" pitchFamily="34" charset="0"/>
                <a:cs typeface="Calibri Light" panose="020F0302020204030204" pitchFamily="34" charset="0"/>
              </a:rPr>
              <a:t>Dimensionality of the EQ-5D-5L, WHO-5, GAD-7, PHQ-9, EQ-HWB-S and fifteen bolt-</a:t>
            </a:r>
            <a:r>
              <a:rPr lang="en-AU" sz="2700" dirty="0" err="1">
                <a:latin typeface="Calibri Light" panose="020F0302020204030204" pitchFamily="34" charset="0"/>
                <a:cs typeface="Calibri Light" panose="020F0302020204030204" pitchFamily="34" charset="0"/>
              </a:rPr>
              <a:t>ons</a:t>
            </a:r>
            <a:r>
              <a:rPr lang="en-AU" sz="2700" b="1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dirty="0"/>
              <a:t/>
            </a:r>
            <a:br>
              <a:rPr lang="en-GB" dirty="0"/>
            </a:br>
            <a:endParaRPr lang="en-US" dirty="0"/>
          </a:p>
        </p:txBody>
      </p:sp>
      <p:sp>
        <p:nvSpPr>
          <p:cNvPr id="25" name="Tekstvak 24"/>
          <p:cNvSpPr txBox="1"/>
          <p:nvPr/>
        </p:nvSpPr>
        <p:spPr>
          <a:xfrm>
            <a:off x="6878176" y="2111317"/>
            <a:ext cx="5610913" cy="52322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en-US" sz="1400" i="1"/>
          </a:p>
          <a:p>
            <a:endParaRPr lang="en-US" sz="1400"/>
          </a:p>
        </p:txBody>
      </p:sp>
      <p:sp>
        <p:nvSpPr>
          <p:cNvPr id="11" name="TextBox 10"/>
          <p:cNvSpPr txBox="1"/>
          <p:nvPr/>
        </p:nvSpPr>
        <p:spPr>
          <a:xfrm>
            <a:off x="6075205" y="561104"/>
            <a:ext cx="5311933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/>
            <a:r>
              <a:rPr lang="en-GB" sz="1400" b="1" i="0" dirty="0">
                <a:solidFill>
                  <a:schemeClr val="tx2"/>
                </a:solidFill>
                <a:ea typeface="Arial" charset="0"/>
                <a:cs typeface="Calibri" panose="020F0502020204030204" pitchFamily="34" charset="0"/>
              </a:rPr>
              <a:t>Table 1. Number of items per factor, by </a:t>
            </a:r>
            <a:r>
              <a:rPr lang="en-GB" sz="1400" b="1" i="0" dirty="0" smtClean="0">
                <a:solidFill>
                  <a:schemeClr val="tx2"/>
                </a:solidFill>
                <a:ea typeface="Arial" charset="0"/>
                <a:cs typeface="Calibri" panose="020F0502020204030204" pitchFamily="34" charset="0"/>
              </a:rPr>
              <a:t>instrument* </a:t>
            </a:r>
            <a:r>
              <a:rPr lang="en-GB" sz="1400" b="1" i="0" dirty="0">
                <a:solidFill>
                  <a:schemeClr val="tx2"/>
                </a:solidFill>
                <a:ea typeface="Arial" charset="0"/>
                <a:cs typeface="Calibri" panose="020F0502020204030204" pitchFamily="34" charset="0"/>
              </a:rPr>
              <a:t>(n=3236) </a:t>
            </a:r>
          </a:p>
        </p:txBody>
      </p:sp>
      <p:sp>
        <p:nvSpPr>
          <p:cNvPr id="7" name="Content Placeholder 18">
            <a:extLst>
              <a:ext uri="{FF2B5EF4-FFF2-40B4-BE49-F238E27FC236}">
                <a16:creationId xmlns:a16="http://schemas.microsoft.com/office/drawing/2014/main" id="{F6B2912E-8EF2-4834-B1B6-9EA8D8E7DEC6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075205" y="5347591"/>
            <a:ext cx="6195252" cy="1524030"/>
          </a:xfrm>
          <a:noFill/>
          <a:ln>
            <a:noFill/>
          </a:ln>
        </p:spPr>
        <p:txBody>
          <a:bodyPr/>
          <a:lstStyle/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*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EQ-5D-5L: items MO</a:t>
            </a: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, SC, UA, </a:t>
            </a: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PD loaded on factor “Physical function and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pain”; item AD loaded   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 on factor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 Anxiety/depression”.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*</a:t>
            </a: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EQ-HWB-S</a:t>
            </a: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: items mobility, daily activities, physical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pain loaded on factor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“Physical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functioning   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and pain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”; </a:t>
            </a: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items exhaustion, loneliness and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control loaded on factor “Psychological 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 functioning”; items anxiety and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sadness/depression loaded on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“</a:t>
            </a: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Anxiety/depression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”; </a:t>
            </a: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item cognition loaded on factor “Other </a:t>
            </a:r>
            <a:r>
              <a:rPr lang="en-GB" sz="1200" dirty="0">
                <a:latin typeface="Calibri" panose="020F0502020204030204" pitchFamily="34" charset="0"/>
                <a:cs typeface="Calibri" panose="020F0502020204030204" pitchFamily="34" charset="0"/>
              </a:rPr>
              <a:t>psychological problems</a:t>
            </a:r>
            <a:r>
              <a:rPr lang="en-GB" sz="1200" dirty="0" smtClean="0">
                <a:latin typeface="Calibri" panose="020F0502020204030204" pitchFamily="34" charset="0"/>
                <a:cs typeface="Calibri" panose="020F0502020204030204" pitchFamily="34" charset="0"/>
              </a:rPr>
              <a:t>”.</a:t>
            </a:r>
            <a:endParaRPr lang="en-GB" sz="12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indent="0" algn="just">
              <a:lnSpc>
                <a:spcPct val="100000"/>
              </a:lnSpc>
              <a:spcBef>
                <a:spcPts val="0"/>
              </a:spcBef>
              <a:buNone/>
            </a:pPr>
            <a:endParaRPr lang="en-GB" sz="1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4" name="Picture 3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406117" y="868881"/>
            <a:ext cx="5201630" cy="445375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37370692"/>
      </p:ext>
    </p:extLst>
  </p:cSld>
  <p:clrMapOvr>
    <a:masterClrMapping/>
  </p:clrMapOvr>
  <p:extLst mod="1">
    <p:ext uri="{6950BFC3-D8DA-4A85-94F7-54DA5524770B}">
      <p188:commentRel xmlns:p188="http://schemas.microsoft.com/office/powerpoint/2018/8/main" xmlns="" r:id="rId6"/>
    </p:ext>
  </p:extLst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d7e201e0-7ba1-4fd0-b022-03ac33d052c0">
      <Terms xmlns="http://schemas.microsoft.com/office/infopath/2007/PartnerControls"/>
    </lcf76f155ced4ddcb4097134ff3c332f>
    <TaxCatchAll xmlns="e25f615b-eebd-4e2a-b1e3-b3bb6a011368" xsi:nil="true"/>
  </documentManagement>
</p:properties>
</file>

<file path=customXml/item3.xml><?xml version="1.0" encoding="utf-8"?>
<TemplafySlideFormConfiguration><![CDATA[{"formFields":[],"formDataEntries":[]}]]></TemplafySlide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4E296E15BAF57041A774F4D5316366FF" ma:contentTypeVersion="14" ma:contentTypeDescription="Create a new document." ma:contentTypeScope="" ma:versionID="5b3d31f9406923266e19a251e7e1925f">
  <xsd:schema xmlns:xsd="http://www.w3.org/2001/XMLSchema" xmlns:xs="http://www.w3.org/2001/XMLSchema" xmlns:p="http://schemas.microsoft.com/office/2006/metadata/properties" xmlns:ns2="d7e201e0-7ba1-4fd0-b022-03ac33d052c0" xmlns:ns3="e25f615b-eebd-4e2a-b1e3-b3bb6a011368" targetNamespace="http://schemas.microsoft.com/office/2006/metadata/properties" ma:root="true" ma:fieldsID="4218752b27ed29a11fa65fc7df10aeab" ns2:_="" ns3:_="">
    <xsd:import namespace="d7e201e0-7ba1-4fd0-b022-03ac33d052c0"/>
    <xsd:import namespace="e25f615b-eebd-4e2a-b1e3-b3bb6a01136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7e201e0-7ba1-4fd0-b022-03ac33d052c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Image Tags" ma:readOnly="false" ma:fieldId="{5cf76f15-5ced-4ddc-b409-7134ff3c332f}" ma:taxonomyMulti="true" ma:sspId="6f72f27b-f989-48c3-999a-f20f870c1eec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SearchProperties" ma:index="21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25f615b-eebd-4e2a-b1e3-b3bb6a011368" elementFormDefault="qualified">
    <xsd:import namespace="http://schemas.microsoft.com/office/2006/documentManagement/types"/>
    <xsd:import namespace="http://schemas.microsoft.com/office/infopath/2007/PartnerControls"/>
    <xsd:element name="TaxCatchAll" ma:index="17" nillable="true" ma:displayName="Taxonomy Catch All Column" ma:hidden="true" ma:list="{d28c4e3b-88eb-4c14-8dcb-be66e22babc3}" ma:internalName="TaxCatchAll" ma:showField="CatchAllData" ma:web="e25f615b-eebd-4e2a-b1e3-b3bb6a01136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6.xml><?xml version="1.0" encoding="utf-8"?>
<TemplafyFormConfiguration><![CDATA[{"formFields":[],"formDataEntries":[]}]]></TemplafyFormConfiguration>
</file>

<file path=customXml/item7.xml><?xml version="1.0" encoding="utf-8"?>
<TemplafySlideTemplateConfiguration><![CDATA[{"slideVersion":1,"isValidatorEnabled":false,"isLocked":false,"elementsMetadata":[],"slideId":"63772743249961933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3DD47DF-D318-48F0-9F72-2CC7BB8FCB4E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CE7FB006-060E-420C-B955-CC58F092D3A8}">
  <ds:schemaRefs>
    <ds:schemaRef ds:uri="e9b2dda3-49b6-41c8-bda1-93fed4f2a0a3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purl.org/dc/elements/1.1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258754DA-CDB4-45DA-AE05-75C2FBB046DF}">
  <ds:schemaRefs/>
</ds:datastoreItem>
</file>

<file path=customXml/itemProps4.xml><?xml version="1.0" encoding="utf-8"?>
<ds:datastoreItem xmlns:ds="http://schemas.openxmlformats.org/officeDocument/2006/customXml" ds:itemID="{7ECA1C4C-1294-4CAB-912F-CA71358920CA}"/>
</file>

<file path=customXml/itemProps5.xml><?xml version="1.0" encoding="utf-8"?>
<ds:datastoreItem xmlns:ds="http://schemas.openxmlformats.org/officeDocument/2006/customXml" ds:itemID="{A70A3159-FD05-4484-841B-C1C38C19BF11}">
  <ds:schemaRefs/>
</ds:datastoreItem>
</file>

<file path=customXml/itemProps6.xml><?xml version="1.0" encoding="utf-8"?>
<ds:datastoreItem xmlns:ds="http://schemas.openxmlformats.org/officeDocument/2006/customXml" ds:itemID="{BCB0DF27-E6BE-4EFC-B725-FE1A07D51F8F}">
  <ds:schemaRefs/>
</ds:datastoreItem>
</file>

<file path=customXml/itemProps7.xml><?xml version="1.0" encoding="utf-8"?>
<ds:datastoreItem xmlns:ds="http://schemas.openxmlformats.org/officeDocument/2006/customXml" ds:itemID="{B48FA6F6-1F85-4C03-8D6A-8B9207C788C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56</TotalTime>
  <Words>377</Words>
  <Application>Microsoft Office PowerPoint</Application>
  <PresentationFormat>Widescreen</PresentationFormat>
  <Paragraphs>25</Paragraphs>
  <Slides>1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</vt:i4>
      </vt:variant>
    </vt:vector>
  </HeadingPairs>
  <TitlesOfParts>
    <vt:vector size="6" baseType="lpstr">
      <vt:lpstr>Arial</vt:lpstr>
      <vt:lpstr>Arial Black</vt:lpstr>
      <vt:lpstr>Calibri</vt:lpstr>
      <vt:lpstr>Calibri Light</vt:lpstr>
      <vt:lpstr>Erasmus MC</vt:lpstr>
      <vt:lpstr>Dimensionality of the EQ-5D-5L, WHO-5, GAD-7, PHQ-9, EQ-HWB-S and fifteen bolt-ons  </vt:lpstr>
    </vt:vector>
  </TitlesOfParts>
  <Company>Erasmus M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e</dc:title>
  <dc:creator>P. van Rikxoort</dc:creator>
  <cp:lastModifiedBy>Juanita Haagsma</cp:lastModifiedBy>
  <cp:revision>5</cp:revision>
  <dcterms:created xsi:type="dcterms:W3CDTF">2022-02-21T07:02:50Z</dcterms:created>
  <dcterms:modified xsi:type="dcterms:W3CDTF">2024-02-13T07:55:3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11-17T10:54:09</vt:lpwstr>
  </property>
  <property fmtid="{D5CDD505-2E9C-101B-9397-08002B2CF9AE}" pid="3" name="ContentTypeId">
    <vt:lpwstr>0x01010076C1FA37B5262147B4549E8DE2E4739B</vt:lpwstr>
  </property>
  <property fmtid="{D5CDD505-2E9C-101B-9397-08002B2CF9AE}" pid="4" name="TemplafyTenantId">
    <vt:lpwstr>erasmusmc</vt:lpwstr>
  </property>
  <property fmtid="{D5CDD505-2E9C-101B-9397-08002B2CF9AE}" pid="5" name="TemplafyTemplateId">
    <vt:lpwstr>637727432487719242</vt:lpwstr>
  </property>
  <property fmtid="{D5CDD505-2E9C-101B-9397-08002B2CF9AE}" pid="6" name="TemplafyUserProfileId">
    <vt:lpwstr>637737833190886978</vt:lpwstr>
  </property>
  <property fmtid="{D5CDD505-2E9C-101B-9397-08002B2CF9AE}" pid="7" name="TemplafyFromBlank">
    <vt:bool>true</vt:bool>
  </property>
</Properties>
</file>